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523new\01_環境計画グループ（庁外可）\13_環境教育・環境学習\01_環境教育\01_学校派遣事業\04_00_実施希望校募集R6\01_00施行\"/>
    </mc:Choice>
  </mc:AlternateContent>
  <bookViews>
    <workbookView xWindow="0" yWindow="0" windowWidth="23040" windowHeight="10608"/>
  </bookViews>
  <sheets>
    <sheet name="③授業一覧Ｒ６" sheetId="1" r:id="rId1"/>
  </sheets>
  <externalReferences>
    <externalReference r:id="rId2"/>
    <externalReference r:id="rId3"/>
    <externalReference r:id="rId4"/>
  </externalReferences>
  <definedNames>
    <definedName name="_xlnm._FilterDatabase" localSheetId="0" hidden="1">③授業一覧Ｒ６!$B$3:$AG$3</definedName>
    <definedName name="_xlnm.Print_Area" localSheetId="0">③授業一覧Ｒ６!$A$2:$AG$87</definedName>
    <definedName name="_xlnm.Print_Titles" localSheetId="0">③授業一覧Ｒ６!$2:$3</definedName>
    <definedName name="企業講師">#REF!</definedName>
    <definedName name="教員特殊勤務手当C">[1]特勤C!$AI$2:$AI$17</definedName>
    <definedName name="歳出予算執行依頼票選択">[2]歳出予算依頼票データ!$B$2:$B$125</definedName>
    <definedName name="種類">[2]データ!$C$2:$C$7</definedName>
    <definedName name="所在市町村">[2]データ!$D$2:$D$34</definedName>
    <definedName name="設置区分">[2]データ!$B$2:$B$37</definedName>
    <definedName name="旅費">[1]件数!$D$1:$I$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50" uniqueCount="295">
  <si>
    <t>対象者</t>
    <rPh sb="0" eb="2">
      <t>タイショウ</t>
    </rPh>
    <rPh sb="2" eb="3">
      <t>シャ</t>
    </rPh>
    <phoneticPr fontId="3"/>
  </si>
  <si>
    <t>授業番号</t>
    <rPh sb="0" eb="2">
      <t>ジュギョウ</t>
    </rPh>
    <rPh sb="2" eb="4">
      <t>バンゴウ</t>
    </rPh>
    <phoneticPr fontId="3"/>
  </si>
  <si>
    <t>Ａ/Ｂ</t>
    <phoneticPr fontId="3"/>
  </si>
  <si>
    <t>団体種別</t>
    <rPh sb="0" eb="2">
      <t>ダンタイ</t>
    </rPh>
    <rPh sb="2" eb="4">
      <t>シュベツ</t>
    </rPh>
    <phoneticPr fontId="3"/>
  </si>
  <si>
    <t>分野番号</t>
    <rPh sb="0" eb="2">
      <t>ブンヤ</t>
    </rPh>
    <rPh sb="2" eb="4">
      <t>バンゴウ</t>
    </rPh>
    <phoneticPr fontId="3"/>
  </si>
  <si>
    <t>分野</t>
    <rPh sb="0" eb="2">
      <t>ブンヤ</t>
    </rPh>
    <phoneticPr fontId="3"/>
  </si>
  <si>
    <t>講師団体</t>
    <rPh sb="0" eb="2">
      <t>コウシ</t>
    </rPh>
    <rPh sb="2" eb="4">
      <t>ダンタイ</t>
    </rPh>
    <phoneticPr fontId="3"/>
  </si>
  <si>
    <t>授業テーマ</t>
    <rPh sb="0" eb="2">
      <t>ジュギョウ</t>
    </rPh>
    <phoneticPr fontId="3"/>
  </si>
  <si>
    <t>小低学年</t>
    <rPh sb="0" eb="1">
      <t>ショウ</t>
    </rPh>
    <rPh sb="1" eb="4">
      <t>テイガクネン</t>
    </rPh>
    <phoneticPr fontId="3"/>
  </si>
  <si>
    <t>小中学年</t>
    <rPh sb="0" eb="1">
      <t>ショウ</t>
    </rPh>
    <rPh sb="1" eb="3">
      <t>チュウガク</t>
    </rPh>
    <rPh sb="3" eb="4">
      <t>ネン</t>
    </rPh>
    <phoneticPr fontId="3"/>
  </si>
  <si>
    <t>小高学年</t>
    <rPh sb="0" eb="1">
      <t>ショウ</t>
    </rPh>
    <rPh sb="1" eb="4">
      <t>コウガクネン</t>
    </rPh>
    <phoneticPr fontId="3"/>
  </si>
  <si>
    <t>活用可能教科</t>
    <rPh sb="0" eb="2">
      <t>カツヨウ</t>
    </rPh>
    <rPh sb="2" eb="4">
      <t>カノウ</t>
    </rPh>
    <rPh sb="4" eb="6">
      <t>キョウカ</t>
    </rPh>
    <phoneticPr fontId="3"/>
  </si>
  <si>
    <t>講義
時間</t>
    <rPh sb="0" eb="2">
      <t>コウギ</t>
    </rPh>
    <rPh sb="3" eb="5">
      <t>ジカン</t>
    </rPh>
    <phoneticPr fontId="3"/>
  </si>
  <si>
    <t>オン
ライン
授業</t>
    <rPh sb="7" eb="9">
      <t>ジュギョウ</t>
    </rPh>
    <phoneticPr fontId="3"/>
  </si>
  <si>
    <t>大規
模校</t>
    <rPh sb="0" eb="1">
      <t>オオ</t>
    </rPh>
    <rPh sb="1" eb="2">
      <t>ノリ</t>
    </rPh>
    <rPh sb="3" eb="4">
      <t>ボ</t>
    </rPh>
    <rPh sb="4" eb="5">
      <t>コウ</t>
    </rPh>
    <phoneticPr fontId="3"/>
  </si>
  <si>
    <t>実施
時期</t>
    <rPh sb="0" eb="2">
      <t>ジッシ</t>
    </rPh>
    <rPh sb="3" eb="5">
      <t>ジキ</t>
    </rPh>
    <phoneticPr fontId="3"/>
  </si>
  <si>
    <t>ＳＤＧｓ</t>
    <phoneticPr fontId="3"/>
  </si>
  <si>
    <t>理科</t>
    <rPh sb="0" eb="2">
      <t>リカ</t>
    </rPh>
    <phoneticPr fontId="3"/>
  </si>
  <si>
    <t>社会</t>
    <rPh sb="0" eb="2">
      <t>シャカイ</t>
    </rPh>
    <phoneticPr fontId="3"/>
  </si>
  <si>
    <t>家庭科</t>
    <rPh sb="0" eb="3">
      <t>カテイカ</t>
    </rPh>
    <phoneticPr fontId="3"/>
  </si>
  <si>
    <t>総合</t>
    <rPh sb="0" eb="2">
      <t>ソウゴウ</t>
    </rPh>
    <phoneticPr fontId="3"/>
  </si>
  <si>
    <t>その他</t>
    <rPh sb="2" eb="3">
      <t>タ</t>
    </rPh>
    <phoneticPr fontId="3"/>
  </si>
  <si>
    <t>Ａ</t>
    <phoneticPr fontId="7"/>
  </si>
  <si>
    <t>地球にやさしいカレーを皆で作ってみよう！</t>
    <phoneticPr fontId="7"/>
  </si>
  <si>
    <t>ＮＰＯ法人アース・エコ</t>
    <rPh sb="3" eb="5">
      <t>ホウジン</t>
    </rPh>
    <phoneticPr fontId="7"/>
  </si>
  <si>
    <t>実験・ゲームで挑戦！地球温暖化防止</t>
    <rPh sb="0" eb="2">
      <t>ジッケン</t>
    </rPh>
    <rPh sb="7" eb="9">
      <t>チョウセン</t>
    </rPh>
    <rPh sb="10" eb="12">
      <t>チキュウ</t>
    </rPh>
    <rPh sb="12" eb="15">
      <t>オンダンカ</t>
    </rPh>
    <rPh sb="15" eb="17">
      <t>ボウシ</t>
    </rPh>
    <phoneticPr fontId="7"/>
  </si>
  <si>
    <t>Ｂ</t>
    <phoneticPr fontId="7"/>
  </si>
  <si>
    <t>ＮＰＯ法人かながわ環境カウンセラー協議会</t>
    <phoneticPr fontId="7"/>
  </si>
  <si>
    <t>めざせ、カーボンゼロ！～二酸化炭素を実験で知ろう～</t>
  </si>
  <si>
    <t>ＮＰＯ法人かながわ森林インストラクターの会</t>
    <rPh sb="3" eb="5">
      <t>ホウジンカ</t>
    </rPh>
    <rPh sb="6" eb="21">
      <t>イ</t>
    </rPh>
    <phoneticPr fontId="7"/>
  </si>
  <si>
    <t>木がためこんでいる二酸化炭素の量を測ろう</t>
  </si>
  <si>
    <t>ＮＰＯ法人神奈川県環境学習リーダー会</t>
    <rPh sb="3" eb="5">
      <t>ホウジン</t>
    </rPh>
    <rPh sb="5" eb="9">
      <t>カナガワケン</t>
    </rPh>
    <rPh sb="9" eb="11">
      <t>カンキョウ</t>
    </rPh>
    <rPh sb="11" eb="13">
      <t>ガクシュウ</t>
    </rPh>
    <rPh sb="17" eb="18">
      <t>カイ</t>
    </rPh>
    <phoneticPr fontId="7"/>
  </si>
  <si>
    <t>実験して考えよう！温暖化防止と省エネ</t>
  </si>
  <si>
    <t>人工の雲を作ろう</t>
  </si>
  <si>
    <t>ＮＰＯ法人気象キャスターネットワーク</t>
    <rPh sb="3" eb="5">
      <t>ホウジン</t>
    </rPh>
    <rPh sb="5" eb="7">
      <t>キショウ</t>
    </rPh>
    <phoneticPr fontId="7"/>
  </si>
  <si>
    <t>気象キャスターと考える地球温暖化</t>
  </si>
  <si>
    <t>宇宙から地球の天気を考えよう</t>
  </si>
  <si>
    <t>ＮＰＯ法人ソフトエネルギープロジェクト</t>
    <rPh sb="3" eb="5">
      <t>ホウジン</t>
    </rPh>
    <phoneticPr fontId="7"/>
  </si>
  <si>
    <t>脱炭素に向け私たちが出来る行動を体験で学ぼう</t>
    <phoneticPr fontId="7"/>
  </si>
  <si>
    <t>太陽光発電搭載NEO号と自然エネ・省エネ体験とSDGs</t>
    <phoneticPr fontId="7"/>
  </si>
  <si>
    <t>ＮＰＯ法人ふるさと環境市民</t>
    <rPh sb="3" eb="5">
      <t>ホウジン</t>
    </rPh>
    <rPh sb="9" eb="13">
      <t>カンキョウシミン</t>
    </rPh>
    <phoneticPr fontId="7"/>
  </si>
  <si>
    <t>ＮＰＯ法人横浜ＬＣＡ環境教育研究会</t>
    <rPh sb="3" eb="5">
      <t>ホウジン</t>
    </rPh>
    <rPh sb="5" eb="7">
      <t>ヨコハマ</t>
    </rPh>
    <rPh sb="10" eb="14">
      <t>カンキョウキョウイク</t>
    </rPh>
    <rPh sb="14" eb="17">
      <t>ケンキュウカイ</t>
    </rPh>
    <phoneticPr fontId="7"/>
  </si>
  <si>
    <t>カレーライスとＳＤＧｓ</t>
    <phoneticPr fontId="7"/>
  </si>
  <si>
    <t>神奈川県地球温暖化防止活動推進センター</t>
    <phoneticPr fontId="7"/>
  </si>
  <si>
    <t>かわさき環境教育学習プロジェクト</t>
  </si>
  <si>
    <t>地球温暖化対策に学ぶ、ＳＤＧｓへの取り組み</t>
  </si>
  <si>
    <t>気候変動適応のミステリー（探求学習）</t>
    <phoneticPr fontId="7"/>
  </si>
  <si>
    <t>川崎市地球温暖化防止活動推進センター</t>
  </si>
  <si>
    <t>脱炭素社会実現に向けたエシカル消費とSDGs</t>
    <phoneticPr fontId="7"/>
  </si>
  <si>
    <t>地球温暖化とは　～見て、触れて、感じて～</t>
  </si>
  <si>
    <t>サステナビリティ教育研究会</t>
  </si>
  <si>
    <t>地球温暖化と食品ロス身近な野菜はどうなるかな？</t>
    <phoneticPr fontId="7"/>
  </si>
  <si>
    <t>湘南環境学習会</t>
  </si>
  <si>
    <t>地球温暖化と森林や樹木のはたらき</t>
  </si>
  <si>
    <t>見て、聞いて、触れて学ぼう！地球温暖化</t>
  </si>
  <si>
    <t>ずしし環境会議二酸化炭素削減部会</t>
    <rPh sb="3" eb="5">
      <t>カンキョウ</t>
    </rPh>
    <rPh sb="5" eb="7">
      <t>カイギ</t>
    </rPh>
    <rPh sb="7" eb="10">
      <t>ニサンカ</t>
    </rPh>
    <rPh sb="10" eb="12">
      <t>タンソ</t>
    </rPh>
    <rPh sb="12" eb="14">
      <t>サクゲン</t>
    </rPh>
    <rPh sb="14" eb="16">
      <t>ブカイ</t>
    </rPh>
    <phoneticPr fontId="7"/>
  </si>
  <si>
    <t>楽しく実験。見つけよう私たちにできるエコ</t>
    <rPh sb="0" eb="1">
      <t>タノ</t>
    </rPh>
    <rPh sb="3" eb="5">
      <t>ジッケン</t>
    </rPh>
    <rPh sb="6" eb="7">
      <t>ミ</t>
    </rPh>
    <rPh sb="11" eb="12">
      <t>ワタシ</t>
    </rPh>
    <phoneticPr fontId="7"/>
  </si>
  <si>
    <t>横浜温暖化防止推進会議</t>
    <phoneticPr fontId="7"/>
  </si>
  <si>
    <t>大型手回し発電機を回して太陽光発電と競争しよう！</t>
  </si>
  <si>
    <t>エネルギー</t>
  </si>
  <si>
    <t>早ゆでパスタでおいしいエコ！</t>
    <rPh sb="0" eb="1">
      <t>ハヤ</t>
    </rPh>
    <phoneticPr fontId="7"/>
  </si>
  <si>
    <t>都市ガスが届くまで</t>
    <rPh sb="0" eb="2">
      <t>トシ</t>
    </rPh>
    <rPh sb="5" eb="6">
      <t>トド</t>
    </rPh>
    <phoneticPr fontId="7"/>
  </si>
  <si>
    <t>燃料電池ってなんだろう？</t>
    <rPh sb="0" eb="4">
      <t>ネンリョウデンチ</t>
    </rPh>
    <phoneticPr fontId="7"/>
  </si>
  <si>
    <t>身の回りのエネルギーから環境を考えよう</t>
    <rPh sb="0" eb="1">
      <t>ミ</t>
    </rPh>
    <rPh sb="2" eb="3">
      <t>マワ</t>
    </rPh>
    <rPh sb="12" eb="14">
      <t>カンキョウ</t>
    </rPh>
    <rPh sb="15" eb="16">
      <t>カンガ</t>
    </rPh>
    <phoneticPr fontId="7"/>
  </si>
  <si>
    <t>大切なエネルギー！私たちにできるエコ</t>
  </si>
  <si>
    <t>学ぼう！学校や家庭でできる省エネ・節電・防災とSDGs</t>
    <phoneticPr fontId="7"/>
  </si>
  <si>
    <t>作ってみよう、自然エネルギー工作と科学を学ぶ</t>
  </si>
  <si>
    <t>ＮＰＯ法人太陽光発電所ネットワーク神奈川地域交流会</t>
  </si>
  <si>
    <t>ストップ地球温暖化！ ～太陽光発電って何～（ソーラーバッタを作って遊ぼう！）</t>
    <phoneticPr fontId="7"/>
  </si>
  <si>
    <t>小野哲夫</t>
    <rPh sb="0" eb="2">
      <t>オノ</t>
    </rPh>
    <rPh sb="2" eb="4">
      <t>テツオ</t>
    </rPh>
    <phoneticPr fontId="7"/>
  </si>
  <si>
    <t>新エネルギーによる発電と燃料電池</t>
  </si>
  <si>
    <t>電気を作ろう！電気の玉手箱</t>
  </si>
  <si>
    <t>水素が地球を救うー燃料電池とはー</t>
    <phoneticPr fontId="7"/>
  </si>
  <si>
    <t>廃棄物・資源循環</t>
  </si>
  <si>
    <t>一般社団法人プラスチック循環利用協会</t>
    <rPh sb="0" eb="6">
      <t>イッパンシャダンホウジン</t>
    </rPh>
    <rPh sb="12" eb="16">
      <t>ジュンカンリヨウ</t>
    </rPh>
    <rPh sb="16" eb="18">
      <t>キョウカイ</t>
    </rPh>
    <phoneticPr fontId="7"/>
  </si>
  <si>
    <t>塩ビ工業・環境協会</t>
    <rPh sb="0" eb="1">
      <t>エン</t>
    </rPh>
    <rPh sb="2" eb="4">
      <t>コウギョウ</t>
    </rPh>
    <rPh sb="5" eb="7">
      <t>カンキョウ</t>
    </rPh>
    <rPh sb="7" eb="9">
      <t>キョウカイ</t>
    </rPh>
    <phoneticPr fontId="7"/>
  </si>
  <si>
    <t>プラスチックを調べてみよう</t>
    <rPh sb="7" eb="8">
      <t>シラ</t>
    </rPh>
    <phoneticPr fontId="7"/>
  </si>
  <si>
    <t>家のゴミ箱に都市鉱山！小型家電リサイクル</t>
    <phoneticPr fontId="7"/>
  </si>
  <si>
    <t>管路管理総合研究所</t>
    <rPh sb="0" eb="2">
      <t>カンロ</t>
    </rPh>
    <rPh sb="2" eb="4">
      <t>カンリ</t>
    </rPh>
    <rPh sb="4" eb="6">
      <t>ソウゴウ</t>
    </rPh>
    <rPh sb="6" eb="9">
      <t>ケンキュウジョ</t>
    </rPh>
    <phoneticPr fontId="7"/>
  </si>
  <si>
    <t>クイズで楽しく学ぼう！下水道の出前授業</t>
    <rPh sb="4" eb="5">
      <t>タノ</t>
    </rPh>
    <rPh sb="7" eb="8">
      <t>マナ</t>
    </rPh>
    <rPh sb="11" eb="14">
      <t>ゲスイドウ</t>
    </rPh>
    <rPh sb="15" eb="17">
      <t>デマエ</t>
    </rPh>
    <rPh sb="17" eb="19">
      <t>ジュギョウ</t>
    </rPh>
    <phoneticPr fontId="7"/>
  </si>
  <si>
    <t>生活協同組合パルシステム神奈川</t>
    <rPh sb="0" eb="6">
      <t>セイカツキョウドウクミアイ</t>
    </rPh>
    <rPh sb="12" eb="15">
      <t>カナガワ</t>
    </rPh>
    <phoneticPr fontId="7"/>
  </si>
  <si>
    <t>３Rとプラスチック問題について考えよう</t>
  </si>
  <si>
    <t>容器のエコを学ぼう</t>
    <rPh sb="0" eb="2">
      <t>ヨウキ</t>
    </rPh>
    <rPh sb="6" eb="7">
      <t>マナ</t>
    </rPh>
    <phoneticPr fontId="7"/>
  </si>
  <si>
    <t>横浜市資源リサイクル事業協同組合</t>
    <rPh sb="0" eb="2">
      <t>ヨコハマ</t>
    </rPh>
    <rPh sb="2" eb="3">
      <t>シ</t>
    </rPh>
    <rPh sb="3" eb="5">
      <t>シゲン</t>
    </rPh>
    <rPh sb="10" eb="12">
      <t>ジギョウ</t>
    </rPh>
    <rPh sb="12" eb="14">
      <t>キョウドウ</t>
    </rPh>
    <rPh sb="14" eb="16">
      <t>クミアイ</t>
    </rPh>
    <phoneticPr fontId="7"/>
  </si>
  <si>
    <t>移動リサイクル教室～もったいない達人編～</t>
  </si>
  <si>
    <t>ＮＰＯ法人ＮＰＯブルーアース</t>
    <rPh sb="3" eb="5">
      <t>ホウジン</t>
    </rPh>
    <phoneticPr fontId="7"/>
  </si>
  <si>
    <t>PETボトルでわたづくり</t>
  </si>
  <si>
    <t>ＮＰＯ一緒に楽しく</t>
    <rPh sb="3" eb="5">
      <t>イッショ</t>
    </rPh>
    <rPh sb="6" eb="7">
      <t>タノ</t>
    </rPh>
    <phoneticPr fontId="7"/>
  </si>
  <si>
    <t>身の回りから考えるＳＤＧs、地球環境問題　～循環型社会へ～</t>
  </si>
  <si>
    <t>ＮＰＯ法人海の森・山の森事務局</t>
    <rPh sb="3" eb="5">
      <t>ホウジン</t>
    </rPh>
    <rPh sb="5" eb="6">
      <t>ウミ</t>
    </rPh>
    <rPh sb="7" eb="8">
      <t>モリ</t>
    </rPh>
    <rPh sb="9" eb="10">
      <t>ヤマ</t>
    </rPh>
    <rPh sb="11" eb="15">
      <t>モリジムキョク</t>
    </rPh>
    <phoneticPr fontId="7"/>
  </si>
  <si>
    <t>マイクロプラスチックで世界に一つの万華鏡を作ろう大作戦!</t>
  </si>
  <si>
    <t>海のプラごみ。みんなで未来の地球を守るぞ大作戦!</t>
  </si>
  <si>
    <t>体感！ペットボトルの３Rと地球温暖化</t>
  </si>
  <si>
    <t>ＮＰＯ法人シニアボランティア経験を活かす会</t>
    <rPh sb="3" eb="5">
      <t>ホウジン</t>
    </rPh>
    <rPh sb="14" eb="16">
      <t>ケイケン</t>
    </rPh>
    <phoneticPr fontId="7"/>
  </si>
  <si>
    <t>飲料パックで飲物コ－スターを作りごみリサイクル</t>
  </si>
  <si>
    <t>食品ロスを減らそう！</t>
    <phoneticPr fontId="7"/>
  </si>
  <si>
    <t>海洋汚染を減らし、海洋生物を守ろう！</t>
  </si>
  <si>
    <t>ソーラーガーデンライトと紙コップでソーラーランタンを作ろう！</t>
  </si>
  <si>
    <t>自然保護・生物多様性</t>
  </si>
  <si>
    <t>日本の森林について考えよう</t>
    <rPh sb="0" eb="2">
      <t>ニホン</t>
    </rPh>
    <rPh sb="3" eb="5">
      <t>シンリン</t>
    </rPh>
    <rPh sb="9" eb="10">
      <t>カンガ</t>
    </rPh>
    <phoneticPr fontId="7"/>
  </si>
  <si>
    <t>MANABIYA「一個の石けんから地球環境を考える」</t>
  </si>
  <si>
    <t>エコロードの取組み</t>
    <rPh sb="6" eb="8">
      <t>トリク</t>
    </rPh>
    <phoneticPr fontId="7"/>
  </si>
  <si>
    <t>オノマトペで森の音風景を表現しよう</t>
  </si>
  <si>
    <t>キミはどっち派？「便利なくらし」と「ゆたかな自然」～海から考える地球のミライ～　</t>
  </si>
  <si>
    <t>セミ幼虫の捕獲と羽化観察（おもしろZoom自然教室）</t>
  </si>
  <si>
    <t>見つけよう！葉っぱや鳥、虫のすごわざ～生物多様性を実感しよう～</t>
  </si>
  <si>
    <t>土の中の生き物ウォッチング</t>
    <rPh sb="0" eb="1">
      <t>ツチ</t>
    </rPh>
    <rPh sb="2" eb="3">
      <t>ナカ</t>
    </rPh>
    <rPh sb="4" eb="5">
      <t>イ</t>
    </rPh>
    <rPh sb="6" eb="7">
      <t>モノ</t>
    </rPh>
    <phoneticPr fontId="7"/>
  </si>
  <si>
    <t>蜜蜂巣箱を作り、環境を保全して生物多様性を守る</t>
  </si>
  <si>
    <t>豆は世界の地球環境と人の健康を救う</t>
  </si>
  <si>
    <t>ＮＰＯ法人全国森林インストラクター神奈川会</t>
    <rPh sb="3" eb="5">
      <t>ホウジン</t>
    </rPh>
    <rPh sb="5" eb="7">
      <t>ゼンコク</t>
    </rPh>
    <rPh sb="7" eb="9">
      <t>シンリン</t>
    </rPh>
    <rPh sb="17" eb="21">
      <t>カナガワカイ</t>
    </rPh>
    <phoneticPr fontId="7"/>
  </si>
  <si>
    <t>身近な自然を学ぼう</t>
    <rPh sb="0" eb="2">
      <t>ミジカ</t>
    </rPh>
    <rPh sb="3" eb="5">
      <t>シゼン</t>
    </rPh>
    <rPh sb="6" eb="7">
      <t>マナ</t>
    </rPh>
    <phoneticPr fontId="7"/>
  </si>
  <si>
    <t>「動物かくれんぼ」保護色実験と食べた生きもの調べ（食物連鎖）</t>
  </si>
  <si>
    <t>周辺の自然を楽しもう</t>
  </si>
  <si>
    <t>ＮＰＯ法人三浦半島生物多様性保全</t>
    <rPh sb="3" eb="5">
      <t>ホウジン</t>
    </rPh>
    <rPh sb="5" eb="7">
      <t>ミウラ</t>
    </rPh>
    <rPh sb="7" eb="9">
      <t>ハントウ</t>
    </rPh>
    <rPh sb="9" eb="11">
      <t>セイブツ</t>
    </rPh>
    <rPh sb="11" eb="14">
      <t>タヨウセイ</t>
    </rPh>
    <rPh sb="14" eb="16">
      <t>ホゼン</t>
    </rPh>
    <phoneticPr fontId="7"/>
  </si>
  <si>
    <t>学校周辺の自然を再発見しよう</t>
    <rPh sb="0" eb="2">
      <t>ガッコウ</t>
    </rPh>
    <rPh sb="2" eb="4">
      <t>シュウヘン</t>
    </rPh>
    <rPh sb="5" eb="7">
      <t>シゼン</t>
    </rPh>
    <rPh sb="8" eb="11">
      <t>サイハッケン</t>
    </rPh>
    <phoneticPr fontId="7"/>
  </si>
  <si>
    <t>一般社団法人ICERC Japan（アイサーチジャパン）</t>
  </si>
  <si>
    <t>イルカ・クジラを知って海の環境を考えよう</t>
  </si>
  <si>
    <t>イルカと一緒に海の環境を考えよう</t>
  </si>
  <si>
    <t>クリーンアップ　まちと海のつながりを考えよう</t>
  </si>
  <si>
    <t>水のつながりを考えよう！海の水はどこからきてどこへいく？</t>
  </si>
  <si>
    <t>はっぱはえらい―温暖化と木の働き</t>
  </si>
  <si>
    <t>名瀬谷戸の会</t>
    <rPh sb="0" eb="2">
      <t>ナセ</t>
    </rPh>
    <rPh sb="2" eb="4">
      <t>ヤト</t>
    </rPh>
    <rPh sb="5" eb="6">
      <t>カイ</t>
    </rPh>
    <phoneticPr fontId="7"/>
  </si>
  <si>
    <t>身近な里山を学ぼう</t>
    <rPh sb="3" eb="5">
      <t>サトヤマ</t>
    </rPh>
    <phoneticPr fontId="7"/>
  </si>
  <si>
    <t>一秒の世界</t>
    <rPh sb="0" eb="1">
      <t>イチ</t>
    </rPh>
    <rPh sb="1" eb="2">
      <t>ビョウ</t>
    </rPh>
    <rPh sb="3" eb="5">
      <t>セカイ</t>
    </rPh>
    <phoneticPr fontId="7"/>
  </si>
  <si>
    <t>その他</t>
  </si>
  <si>
    <t>水はどこからくる？使った水はどこへ行く？</t>
    <rPh sb="0" eb="1">
      <t>ミズ</t>
    </rPh>
    <rPh sb="9" eb="10">
      <t>ツカ</t>
    </rPh>
    <rPh sb="12" eb="13">
      <t>ミズ</t>
    </rPh>
    <rPh sb="17" eb="18">
      <t>イ</t>
    </rPh>
    <phoneticPr fontId="7"/>
  </si>
  <si>
    <t>環境汚染の分析の現状と歴史</t>
    <phoneticPr fontId="7"/>
  </si>
  <si>
    <t>容器が社会を変える？未来をつくる力</t>
  </si>
  <si>
    <t>視覚に障がいのある人のための環境教室</t>
    <rPh sb="0" eb="2">
      <t>シカク</t>
    </rPh>
    <rPh sb="3" eb="4">
      <t>ショウ</t>
    </rPh>
    <rPh sb="9" eb="10">
      <t>ヒト</t>
    </rPh>
    <rPh sb="14" eb="16">
      <t>カンキョウ</t>
    </rPh>
    <rPh sb="16" eb="18">
      <t>キョウシツ</t>
    </rPh>
    <phoneticPr fontId="7"/>
  </si>
  <si>
    <t>〇</t>
  </si>
  <si>
    <t>〇</t>
    <phoneticPr fontId="3"/>
  </si>
  <si>
    <t>１コマ</t>
  </si>
  <si>
    <t>１コマ</t>
    <phoneticPr fontId="3"/>
  </si>
  <si>
    <t>２コマ</t>
  </si>
  <si>
    <t>２コマ</t>
    <phoneticPr fontId="3"/>
  </si>
  <si>
    <t>応相談</t>
    <rPh sb="0" eb="3">
      <t>オウソウダン</t>
    </rPh>
    <phoneticPr fontId="3"/>
  </si>
  <si>
    <t>×</t>
  </si>
  <si>
    <t>×</t>
    <phoneticPr fontId="3"/>
  </si>
  <si>
    <t>4.13.15</t>
    <phoneticPr fontId="3"/>
  </si>
  <si>
    <t>カードゲームで体験♪ＳＤＧｓの世界</t>
    <rPh sb="7" eb="9">
      <t>タイケン</t>
    </rPh>
    <rPh sb="15" eb="17">
      <t>セカイ</t>
    </rPh>
    <phoneticPr fontId="3"/>
  </si>
  <si>
    <t>国語</t>
    <rPh sb="0" eb="2">
      <t>コクゴ</t>
    </rPh>
    <phoneticPr fontId="3"/>
  </si>
  <si>
    <t>教員研修</t>
    <rPh sb="0" eb="2">
      <t>キョウイン</t>
    </rPh>
    <rPh sb="2" eb="4">
      <t>ケンシュウ</t>
    </rPh>
    <phoneticPr fontId="3"/>
  </si>
  <si>
    <t>アルミ缶と牛乳パックでご飯を炊く　(おもしろ環境理科教室)</t>
    <phoneticPr fontId="7"/>
  </si>
  <si>
    <t>情報</t>
    <rPh sb="0" eb="2">
      <t>ジョウホウ</t>
    </rPh>
    <phoneticPr fontId="3"/>
  </si>
  <si>
    <t>△</t>
    <phoneticPr fontId="3"/>
  </si>
  <si>
    <t>授業方法</t>
    <rPh sb="0" eb="2">
      <t>ジュギョウ</t>
    </rPh>
    <rPh sb="2" eb="4">
      <t>ホウホウ</t>
    </rPh>
    <phoneticPr fontId="3"/>
  </si>
  <si>
    <t>講義</t>
    <rPh sb="0" eb="2">
      <t>コウギ</t>
    </rPh>
    <phoneticPr fontId="3"/>
  </si>
  <si>
    <t>講義、校内実験・体験</t>
    <rPh sb="0" eb="2">
      <t>コウギ</t>
    </rPh>
    <rPh sb="3" eb="5">
      <t>コウナイ</t>
    </rPh>
    <rPh sb="5" eb="7">
      <t>ジッケン</t>
    </rPh>
    <rPh sb="8" eb="10">
      <t>タイケン</t>
    </rPh>
    <phoneticPr fontId="3"/>
  </si>
  <si>
    <t>講義、校内実験・体験、校外体験</t>
    <rPh sb="0" eb="2">
      <t>コウギ</t>
    </rPh>
    <rPh sb="3" eb="5">
      <t>コウナイ</t>
    </rPh>
    <rPh sb="5" eb="7">
      <t>ジッケン</t>
    </rPh>
    <rPh sb="8" eb="10">
      <t>タイケン</t>
    </rPh>
    <rPh sb="11" eb="13">
      <t>コウガイ</t>
    </rPh>
    <rPh sb="13" eb="15">
      <t>タイケン</t>
    </rPh>
    <phoneticPr fontId="3"/>
  </si>
  <si>
    <t>校内体験・実験</t>
    <rPh sb="0" eb="2">
      <t>コウナイ</t>
    </rPh>
    <rPh sb="2" eb="4">
      <t>タイケン</t>
    </rPh>
    <rPh sb="5" eb="7">
      <t>ジッケン</t>
    </rPh>
    <phoneticPr fontId="3"/>
  </si>
  <si>
    <t>講義、校外体験</t>
    <rPh sb="0" eb="2">
      <t>コウギ</t>
    </rPh>
    <rPh sb="3" eb="5">
      <t>コウガイ</t>
    </rPh>
    <rPh sb="5" eb="7">
      <t>タイケン</t>
    </rPh>
    <phoneticPr fontId="3"/>
  </si>
  <si>
    <t>講義、ディスカッション</t>
    <rPh sb="0" eb="2">
      <t>コウギ</t>
    </rPh>
    <phoneticPr fontId="3"/>
  </si>
  <si>
    <t>校内実験・体験</t>
    <rPh sb="0" eb="2">
      <t>コウナイ</t>
    </rPh>
    <rPh sb="2" eb="4">
      <t>ジッケン</t>
    </rPh>
    <rPh sb="5" eb="7">
      <t>タイケン</t>
    </rPh>
    <phoneticPr fontId="3"/>
  </si>
  <si>
    <t>実施地域等</t>
    <rPh sb="0" eb="2">
      <t>ジッシ</t>
    </rPh>
    <rPh sb="2" eb="4">
      <t>チイキ</t>
    </rPh>
    <rPh sb="4" eb="5">
      <t>トウ</t>
    </rPh>
    <phoneticPr fontId="3"/>
  </si>
  <si>
    <t>見学の場合は１回あたり10人まで</t>
    <rPh sb="0" eb="2">
      <t>ケンガク</t>
    </rPh>
    <rPh sb="3" eb="5">
      <t>バアイ</t>
    </rPh>
    <rPh sb="7" eb="8">
      <t>カイ</t>
    </rPh>
    <rPh sb="13" eb="14">
      <t>ニン</t>
    </rPh>
    <phoneticPr fontId="3"/>
  </si>
  <si>
    <t>6.14.15</t>
    <phoneticPr fontId="3"/>
  </si>
  <si>
    <t>50分１コマか、100分２コマか選択</t>
    <rPh sb="2" eb="3">
      <t>フン</t>
    </rPh>
    <rPh sb="11" eb="12">
      <t>フン</t>
    </rPh>
    <rPh sb="16" eb="18">
      <t>センタク</t>
    </rPh>
    <phoneticPr fontId="3"/>
  </si>
  <si>
    <t>2.12.14</t>
    <phoneticPr fontId="3"/>
  </si>
  <si>
    <t>９人以上で実施可能</t>
    <rPh sb="1" eb="2">
      <t>ヒト</t>
    </rPh>
    <rPh sb="2" eb="4">
      <t>イジョウ</t>
    </rPh>
    <rPh sb="5" eb="7">
      <t>ジッシ</t>
    </rPh>
    <rPh sb="7" eb="9">
      <t>カノウ</t>
    </rPh>
    <phoneticPr fontId="3"/>
  </si>
  <si>
    <t>1クラスごとの実施（１回35人程度）</t>
    <rPh sb="7" eb="9">
      <t>ジッシ</t>
    </rPh>
    <rPh sb="11" eb="12">
      <t>カイ</t>
    </rPh>
    <rPh sb="14" eb="15">
      <t>ニン</t>
    </rPh>
    <rPh sb="15" eb="17">
      <t>テイド</t>
    </rPh>
    <phoneticPr fontId="3"/>
  </si>
  <si>
    <t>９月以降</t>
    <rPh sb="1" eb="2">
      <t>ツキ</t>
    </rPh>
    <rPh sb="2" eb="4">
      <t>イコウ</t>
    </rPh>
    <phoneticPr fontId="3"/>
  </si>
  <si>
    <t>横浜、川崎、横須賀、藤沢、小田原</t>
    <rPh sb="0" eb="2">
      <t>ヨコハマ</t>
    </rPh>
    <rPh sb="3" eb="5">
      <t>カワサキ</t>
    </rPh>
    <rPh sb="6" eb="9">
      <t>ヨコスカ</t>
    </rPh>
    <rPh sb="10" eb="12">
      <t>フジサワ</t>
    </rPh>
    <rPh sb="13" eb="16">
      <t>オダワラ</t>
    </rPh>
    <phoneticPr fontId="3"/>
  </si>
  <si>
    <t>2.12.13.14.17</t>
    <phoneticPr fontId="3"/>
  </si>
  <si>
    <t>横浜、川崎、藤沢、厚木、横須賀</t>
    <rPh sb="0" eb="2">
      <t>ヨコハマ</t>
    </rPh>
    <rPh sb="3" eb="5">
      <t>カワサキ</t>
    </rPh>
    <rPh sb="6" eb="8">
      <t>フジサワ</t>
    </rPh>
    <rPh sb="9" eb="11">
      <t>アツギ</t>
    </rPh>
    <rPh sb="12" eb="15">
      <t>ヨコスカ</t>
    </rPh>
    <phoneticPr fontId="3"/>
  </si>
  <si>
    <t>2.12.14.15.17</t>
    <phoneticPr fontId="3"/>
  </si>
  <si>
    <t>川崎市、横浜市周辺</t>
    <rPh sb="0" eb="3">
      <t>カワサキシ</t>
    </rPh>
    <rPh sb="4" eb="7">
      <t>ヨコハマシ</t>
    </rPh>
    <rPh sb="7" eb="9">
      <t>シュウヘン</t>
    </rPh>
    <phoneticPr fontId="3"/>
  </si>
  <si>
    <t>横浜、川崎、藤沢、厚木、横須賀
理科室、家庭科室であれば望ましい</t>
    <rPh sb="0" eb="2">
      <t>ヨコハマ</t>
    </rPh>
    <rPh sb="3" eb="5">
      <t>カワサキ</t>
    </rPh>
    <rPh sb="6" eb="8">
      <t>フジサワ</t>
    </rPh>
    <rPh sb="9" eb="11">
      <t>アツギ</t>
    </rPh>
    <rPh sb="12" eb="15">
      <t>ヨコスカ</t>
    </rPh>
    <phoneticPr fontId="3"/>
  </si>
  <si>
    <t>60分以上が望ましい</t>
    <rPh sb="2" eb="5">
      <t>フンイジョウ</t>
    </rPh>
    <rPh sb="6" eb="7">
      <t>ノゾ</t>
    </rPh>
    <phoneticPr fontId="3"/>
  </si>
  <si>
    <t>横須賀、三浦、逗子、葉山町、鎌倉市
ＦＷ２コマ以上、座学１コマ以上</t>
    <rPh sb="0" eb="3">
      <t>ヨコスカ</t>
    </rPh>
    <rPh sb="4" eb="6">
      <t>ミウラ</t>
    </rPh>
    <rPh sb="7" eb="9">
      <t>ズシ</t>
    </rPh>
    <rPh sb="10" eb="13">
      <t>ハヤママチ</t>
    </rPh>
    <rPh sb="14" eb="17">
      <t>カマクラシ</t>
    </rPh>
    <rPh sb="23" eb="25">
      <t>イジョウ</t>
    </rPh>
    <rPh sb="26" eb="28">
      <t>ザガク</t>
    </rPh>
    <rPh sb="31" eb="33">
      <t>イジョウ</t>
    </rPh>
    <phoneticPr fontId="3"/>
  </si>
  <si>
    <t>4.14.15</t>
    <phoneticPr fontId="3"/>
  </si>
  <si>
    <t>2.12.14.15</t>
    <phoneticPr fontId="3"/>
  </si>
  <si>
    <t>豆腐や打ち豆を作る場合は上限40人</t>
  </si>
  <si>
    <t>3.13.14.15</t>
    <phoneticPr fontId="3"/>
  </si>
  <si>
    <t>6.7.12.13.14.15</t>
    <phoneticPr fontId="3"/>
  </si>
  <si>
    <t>５～12月</t>
    <rPh sb="4" eb="5">
      <t>ツキ</t>
    </rPh>
    <phoneticPr fontId="3"/>
  </si>
  <si>
    <t>1回２クラス（60人）以内</t>
    <rPh sb="1" eb="2">
      <t>カイ</t>
    </rPh>
    <rPh sb="9" eb="10">
      <t>ニン</t>
    </rPh>
    <rPh sb="11" eb="13">
      <t>イナイ</t>
    </rPh>
    <phoneticPr fontId="3"/>
  </si>
  <si>
    <t>６～11月</t>
    <rPh sb="4" eb="5">
      <t>ツキ</t>
    </rPh>
    <phoneticPr fontId="3"/>
  </si>
  <si>
    <t>3.7.9.11.12.13.14.15</t>
    <phoneticPr fontId="3"/>
  </si>
  <si>
    <t>Zoomのみ（ホストは学校）</t>
    <rPh sb="11" eb="13">
      <t>ガッコウ</t>
    </rPh>
    <phoneticPr fontId="3"/>
  </si>
  <si>
    <t>六本木１丁目駅から２時間程度の範囲内を希望</t>
    <rPh sb="0" eb="3">
      <t>ロッポンギ</t>
    </rPh>
    <rPh sb="4" eb="6">
      <t>チョウメ</t>
    </rPh>
    <rPh sb="6" eb="7">
      <t>エキ</t>
    </rPh>
    <rPh sb="10" eb="12">
      <t>ジカン</t>
    </rPh>
    <rPh sb="12" eb="14">
      <t>テイド</t>
    </rPh>
    <rPh sb="15" eb="17">
      <t>ハンイ</t>
    </rPh>
    <rPh sb="17" eb="18">
      <t>ナイ</t>
    </rPh>
    <rPh sb="19" eb="21">
      <t>キボウ</t>
    </rPh>
    <phoneticPr fontId="3"/>
  </si>
  <si>
    <t>12.13.14.15</t>
    <phoneticPr fontId="3"/>
  </si>
  <si>
    <t>６、12月以外。２限目以降</t>
    <rPh sb="4" eb="5">
      <t>ツキ</t>
    </rPh>
    <rPh sb="5" eb="7">
      <t>イガイ</t>
    </rPh>
    <rPh sb="9" eb="10">
      <t>ゲン</t>
    </rPh>
    <rPh sb="10" eb="11">
      <t>メ</t>
    </rPh>
    <rPh sb="11" eb="13">
      <t>イコウ</t>
    </rPh>
    <phoneticPr fontId="3"/>
  </si>
  <si>
    <t>川﨑、横浜、藤沢、鎌倉、大和、横須賀、海老名。その他応相談</t>
    <rPh sb="0" eb="2">
      <t>カワサキ</t>
    </rPh>
    <rPh sb="3" eb="5">
      <t>ヨコハマ</t>
    </rPh>
    <rPh sb="6" eb="8">
      <t>フジサワ</t>
    </rPh>
    <rPh sb="9" eb="11">
      <t>カマクラ</t>
    </rPh>
    <rPh sb="12" eb="14">
      <t>ヤマト</t>
    </rPh>
    <rPh sb="15" eb="18">
      <t>ヨコスカ</t>
    </rPh>
    <rPh sb="19" eb="22">
      <t>エビナ</t>
    </rPh>
    <rPh sb="25" eb="26">
      <t>タ</t>
    </rPh>
    <rPh sb="26" eb="29">
      <t>オウソウダン</t>
    </rPh>
    <phoneticPr fontId="3"/>
  </si>
  <si>
    <t>4.15.17</t>
    <phoneticPr fontId="3"/>
  </si>
  <si>
    <t>理科室（水道があれば尚可）
駐車場1台</t>
    <rPh sb="0" eb="2">
      <t>リカ</t>
    </rPh>
    <rPh sb="2" eb="3">
      <t>シツ</t>
    </rPh>
    <rPh sb="4" eb="6">
      <t>スイドウ</t>
    </rPh>
    <rPh sb="10" eb="11">
      <t>ナオ</t>
    </rPh>
    <rPh sb="11" eb="12">
      <t>カ</t>
    </rPh>
    <rPh sb="14" eb="17">
      <t>チュウシャジョウ</t>
    </rPh>
    <rPh sb="18" eb="19">
      <t>ダイ</t>
    </rPh>
    <phoneticPr fontId="3"/>
  </si>
  <si>
    <t>4.6.12.13.14.15.17</t>
    <phoneticPr fontId="3"/>
  </si>
  <si>
    <t>35人まで</t>
    <rPh sb="2" eb="3">
      <t>ニン</t>
    </rPh>
    <phoneticPr fontId="3"/>
  </si>
  <si>
    <t>7.12.13</t>
    <phoneticPr fontId="3"/>
  </si>
  <si>
    <t>５～２月</t>
    <rPh sb="3" eb="4">
      <t>ツキ</t>
    </rPh>
    <phoneticPr fontId="3"/>
  </si>
  <si>
    <t>鎌倉、藤沢、茅ケ崎、寒川町
１学級まで</t>
    <rPh sb="0" eb="2">
      <t>カマクラ</t>
    </rPh>
    <rPh sb="3" eb="5">
      <t>フジサワ</t>
    </rPh>
    <rPh sb="6" eb="9">
      <t>チガサキ</t>
    </rPh>
    <rPh sb="10" eb="13">
      <t>サムカワマチ</t>
    </rPh>
    <rPh sb="15" eb="17">
      <t>ガッキュウ</t>
    </rPh>
    <phoneticPr fontId="3"/>
  </si>
  <si>
    <t>100名程度まで</t>
    <rPh sb="3" eb="4">
      <t>メイ</t>
    </rPh>
    <rPh sb="4" eb="6">
      <t>テイド</t>
    </rPh>
    <phoneticPr fontId="3"/>
  </si>
  <si>
    <t>12.13.14</t>
    <phoneticPr fontId="3"/>
  </si>
  <si>
    <t>準備１か月以上</t>
    <rPh sb="0" eb="2">
      <t>ジュンビ</t>
    </rPh>
    <rPh sb="4" eb="7">
      <t>ゲツイジョウ</t>
    </rPh>
    <phoneticPr fontId="3"/>
  </si>
  <si>
    <t>50人まで。水道があれば尚可</t>
    <rPh sb="2" eb="3">
      <t>ニン</t>
    </rPh>
    <rPh sb="6" eb="8">
      <t>スイドウ</t>
    </rPh>
    <rPh sb="12" eb="13">
      <t>ナオ</t>
    </rPh>
    <rPh sb="13" eb="14">
      <t>カ</t>
    </rPh>
    <phoneticPr fontId="3"/>
  </si>
  <si>
    <t>11.12.13.14</t>
    <phoneticPr fontId="3"/>
  </si>
  <si>
    <t>4.11.13.14.17</t>
    <phoneticPr fontId="3"/>
  </si>
  <si>
    <t>万華鏡づくりは50人まで</t>
    <rPh sb="0" eb="3">
      <t>マンゲキョウ</t>
    </rPh>
    <rPh sb="9" eb="10">
      <t>ニン</t>
    </rPh>
    <phoneticPr fontId="3"/>
  </si>
  <si>
    <t>3.6.7.13.14.14.16.17</t>
    <phoneticPr fontId="3"/>
  </si>
  <si>
    <t>40人まで</t>
    <rPh sb="2" eb="3">
      <t>ニン</t>
    </rPh>
    <phoneticPr fontId="3"/>
  </si>
  <si>
    <t>駐車場１台</t>
    <rPh sb="0" eb="3">
      <t>チュウシャジョウ</t>
    </rPh>
    <rPh sb="4" eb="5">
      <t>ダイ</t>
    </rPh>
    <phoneticPr fontId="3"/>
  </si>
  <si>
    <t>１回１クラスずつ。45分１コマ。
オンラインはZoomかTeams</t>
    <rPh sb="1" eb="2">
      <t>カイ</t>
    </rPh>
    <rPh sb="11" eb="12">
      <t>フン</t>
    </rPh>
    <phoneticPr fontId="3"/>
  </si>
  <si>
    <t>10回程度</t>
    <rPh sb="2" eb="3">
      <t>カイ</t>
    </rPh>
    <rPh sb="3" eb="5">
      <t>テイド</t>
    </rPh>
    <phoneticPr fontId="3"/>
  </si>
  <si>
    <t>11.12.13.14.15</t>
    <phoneticPr fontId="3"/>
  </si>
  <si>
    <t>6.11.12.13.14</t>
    <phoneticPr fontId="3"/>
  </si>
  <si>
    <t>4.6.11.12.15</t>
    <phoneticPr fontId="3"/>
  </si>
  <si>
    <t>２限目以降</t>
    <rPh sb="1" eb="3">
      <t>ゲンメ</t>
    </rPh>
    <rPh sb="3" eb="5">
      <t>イコウ</t>
    </rPh>
    <phoneticPr fontId="3"/>
  </si>
  <si>
    <t>理科室</t>
    <rPh sb="0" eb="2">
      <t>リカ</t>
    </rPh>
    <rPh sb="2" eb="3">
      <t>シツ</t>
    </rPh>
    <phoneticPr fontId="3"/>
  </si>
  <si>
    <t>6.11.12</t>
    <phoneticPr fontId="3"/>
  </si>
  <si>
    <t>4.7.11.12.13.14.15</t>
    <phoneticPr fontId="3"/>
  </si>
  <si>
    <t>横浜、川崎、相模原東部、三浦、横須賀、藤沢、大和、茅ケ崎、平塚、鎌倉、座間、海老名、綾瀬、逗子</t>
    <rPh sb="0" eb="2">
      <t>ヨコハマ</t>
    </rPh>
    <rPh sb="3" eb="5">
      <t>カワサキ</t>
    </rPh>
    <rPh sb="6" eb="9">
      <t>サガミハラ</t>
    </rPh>
    <rPh sb="9" eb="11">
      <t>トウブ</t>
    </rPh>
    <rPh sb="12" eb="14">
      <t>ミウラ</t>
    </rPh>
    <rPh sb="15" eb="18">
      <t>ヨコスカ</t>
    </rPh>
    <rPh sb="19" eb="21">
      <t>フジサワ</t>
    </rPh>
    <rPh sb="22" eb="24">
      <t>ヤマト</t>
    </rPh>
    <rPh sb="25" eb="28">
      <t>チガサキ</t>
    </rPh>
    <rPh sb="29" eb="31">
      <t>ヒラツカ</t>
    </rPh>
    <rPh sb="32" eb="34">
      <t>カマクラ</t>
    </rPh>
    <rPh sb="35" eb="37">
      <t>ザマ</t>
    </rPh>
    <rPh sb="38" eb="41">
      <t>エビナ</t>
    </rPh>
    <rPh sb="42" eb="44">
      <t>アヤセ</t>
    </rPh>
    <rPh sb="45" eb="47">
      <t>ズシ</t>
    </rPh>
    <phoneticPr fontId="3"/>
  </si>
  <si>
    <t>7.9.11.13</t>
    <phoneticPr fontId="3"/>
  </si>
  <si>
    <t>6.7.12.13.17</t>
    <phoneticPr fontId="3"/>
  </si>
  <si>
    <t>10月～２月。30人程度まで</t>
    <rPh sb="2" eb="3">
      <t>ツキ</t>
    </rPh>
    <rPh sb="5" eb="6">
      <t>ツキ</t>
    </rPh>
    <rPh sb="9" eb="10">
      <t>ニン</t>
    </rPh>
    <rPh sb="10" eb="12">
      <t>テイド</t>
    </rPh>
    <phoneticPr fontId="3"/>
  </si>
  <si>
    <t>逗子市内</t>
    <rPh sb="0" eb="4">
      <t>ズシシナイ</t>
    </rPh>
    <phoneticPr fontId="3"/>
  </si>
  <si>
    <t>7.11.13</t>
    <phoneticPr fontId="3"/>
  </si>
  <si>
    <t>茅ケ崎、藤沢、鎌倉　、寒川</t>
    <rPh sb="0" eb="3">
      <t>チガサキ</t>
    </rPh>
    <rPh sb="4" eb="6">
      <t>フジサワ</t>
    </rPh>
    <rPh sb="7" eb="9">
      <t>カマクラ</t>
    </rPh>
    <rPh sb="11" eb="13">
      <t>サムカワ</t>
    </rPh>
    <phoneticPr fontId="3"/>
  </si>
  <si>
    <t>2.7.12.13</t>
    <phoneticPr fontId="3"/>
  </si>
  <si>
    <t>横浜、川崎周辺</t>
    <rPh sb="0" eb="2">
      <t>ヨコハマ</t>
    </rPh>
    <rPh sb="3" eb="5">
      <t>カワサキ</t>
    </rPh>
    <rPh sb="5" eb="7">
      <t>シュウヘン</t>
    </rPh>
    <phoneticPr fontId="3"/>
  </si>
  <si>
    <t>県央より東</t>
    <rPh sb="0" eb="2">
      <t>ケンオウ</t>
    </rPh>
    <rPh sb="4" eb="5">
      <t>ヒガシ</t>
    </rPh>
    <phoneticPr fontId="3"/>
  </si>
  <si>
    <t>1.2.12.13.14.15</t>
    <phoneticPr fontId="3"/>
  </si>
  <si>
    <t>7.9.13.14.15</t>
    <phoneticPr fontId="3"/>
  </si>
  <si>
    <t>10月～３月</t>
    <rPh sb="2" eb="3">
      <t>ツキ</t>
    </rPh>
    <rPh sb="5" eb="6">
      <t>ツキ</t>
    </rPh>
    <phoneticPr fontId="3"/>
  </si>
  <si>
    <t>対象：４～６年生・募集時期６月中旬まで</t>
    <rPh sb="0" eb="2">
      <t>タイショウ</t>
    </rPh>
    <rPh sb="4" eb="8">
      <t>カラ６ネンセイ</t>
    </rPh>
    <rPh sb="9" eb="11">
      <t>ボシュウ</t>
    </rPh>
    <rPh sb="11" eb="13">
      <t>ジキ</t>
    </rPh>
    <rPh sb="14" eb="15">
      <t>ツキ</t>
    </rPh>
    <rPh sb="15" eb="17">
      <t>チュウジュン</t>
    </rPh>
    <phoneticPr fontId="3"/>
  </si>
  <si>
    <t>9.11.12.13</t>
    <phoneticPr fontId="3"/>
  </si>
  <si>
    <t>雨天は延期または中止</t>
    <rPh sb="0" eb="2">
      <t>ウテン</t>
    </rPh>
    <rPh sb="3" eb="5">
      <t>エンキ</t>
    </rPh>
    <rPh sb="8" eb="10">
      <t>チュウシ</t>
    </rPh>
    <phoneticPr fontId="3"/>
  </si>
  <si>
    <t>6.7.11.12.13.14.15</t>
    <phoneticPr fontId="3"/>
  </si>
  <si>
    <t>７～９月以外</t>
    <rPh sb="3" eb="6">
      <t>ツキイガイ</t>
    </rPh>
    <phoneticPr fontId="3"/>
  </si>
  <si>
    <t>20～30本の樹木があること</t>
    <rPh sb="5" eb="6">
      <t>ホン</t>
    </rPh>
    <rPh sb="7" eb="9">
      <t>ジュモク</t>
    </rPh>
    <phoneticPr fontId="3"/>
  </si>
  <si>
    <t>6.13.14</t>
    <phoneticPr fontId="3"/>
  </si>
  <si>
    <t>4.7.9.13.15</t>
    <phoneticPr fontId="3"/>
  </si>
  <si>
    <t>40人まで</t>
    <rPh sb="2" eb="3">
      <t>ニン</t>
    </rPh>
    <phoneticPr fontId="3"/>
  </si>
  <si>
    <t>1.2.7.10.12.13</t>
    <phoneticPr fontId="3"/>
  </si>
  <si>
    <t>横浜、川崎、横須賀、鎌倉、逗子、藤沢</t>
    <rPh sb="0" eb="2">
      <t>ヨコハマ</t>
    </rPh>
    <rPh sb="3" eb="5">
      <t>カワサキ</t>
    </rPh>
    <rPh sb="6" eb="9">
      <t>ヨコスカ</t>
    </rPh>
    <rPh sb="10" eb="12">
      <t>カマクラ</t>
    </rPh>
    <rPh sb="13" eb="15">
      <t>ズシ</t>
    </rPh>
    <rPh sb="16" eb="18">
      <t>フジサワ</t>
    </rPh>
    <phoneticPr fontId="3"/>
  </si>
  <si>
    <t>5.12.13</t>
    <phoneticPr fontId="3"/>
  </si>
  <si>
    <t>自宅でのＥラーニング可能</t>
    <rPh sb="0" eb="2">
      <t>ジタク</t>
    </rPh>
    <rPh sb="10" eb="12">
      <t>カノウ</t>
    </rPh>
    <phoneticPr fontId="3"/>
  </si>
  <si>
    <t>９～12月</t>
    <rPh sb="4" eb="5">
      <t>ツキ</t>
    </rPh>
    <phoneticPr fontId="3"/>
  </si>
  <si>
    <t>4.7.11.13.14.15</t>
    <phoneticPr fontId="3"/>
  </si>
  <si>
    <t>30人程度まで</t>
    <rPh sb="2" eb="3">
      <t>ニン</t>
    </rPh>
    <rPh sb="3" eb="5">
      <t>テイド</t>
    </rPh>
    <phoneticPr fontId="3"/>
  </si>
  <si>
    <t>6.7.11.12.13.14.15.17</t>
    <phoneticPr fontId="3"/>
  </si>
  <si>
    <t>4.11.13.17</t>
    <phoneticPr fontId="3"/>
  </si>
  <si>
    <t>㈱日清製粉グループ本社</t>
  </si>
  <si>
    <t>東京ガス㈱神奈川次世代教育センター</t>
    <rPh sb="0" eb="2">
      <t>トウキョウ</t>
    </rPh>
    <rPh sb="5" eb="11">
      <t>カナガワジセダイ</t>
    </rPh>
    <rPh sb="11" eb="13">
      <t>キョウイク</t>
    </rPh>
    <phoneticPr fontId="7"/>
  </si>
  <si>
    <t>㈱オカムラ</t>
    <phoneticPr fontId="7"/>
  </si>
  <si>
    <t xml:space="preserve">㈱JVCケンウッド  </t>
    <phoneticPr fontId="7"/>
  </si>
  <si>
    <t>太陽油脂㈱</t>
    <rPh sb="0" eb="2">
      <t>タイヨウ</t>
    </rPh>
    <rPh sb="2" eb="4">
      <t>ユシ</t>
    </rPh>
    <phoneticPr fontId="7"/>
  </si>
  <si>
    <t>㈱カネカ</t>
    <phoneticPr fontId="7"/>
  </si>
  <si>
    <t>メタウォーター㈱</t>
    <phoneticPr fontId="7"/>
  </si>
  <si>
    <t>4.7.11.12.13</t>
    <phoneticPr fontId="3"/>
  </si>
  <si>
    <t>ウエスタンデジタルテクノロジーズ合同会社</t>
    <rPh sb="16" eb="20">
      <t>ゴウドウガイシャ</t>
    </rPh>
    <phoneticPr fontId="7"/>
  </si>
  <si>
    <t>トヨタ・コニック・プロ㈱</t>
    <phoneticPr fontId="7"/>
  </si>
  <si>
    <t>クルマと環境・経済の関わりをゲームで体験！</t>
    <rPh sb="4" eb="6">
      <t>カンキョウ</t>
    </rPh>
    <rPh sb="7" eb="9">
      <t>ケイザイ</t>
    </rPh>
    <rPh sb="10" eb="11">
      <t>カカ</t>
    </rPh>
    <rPh sb="18" eb="20">
      <t>タイケン</t>
    </rPh>
    <phoneticPr fontId="7"/>
  </si>
  <si>
    <t>地球温暖化・気候変動</t>
    <rPh sb="0" eb="5">
      <t>チキュウオンダンカ</t>
    </rPh>
    <rPh sb="6" eb="10">
      <t>キコウヘンドウ</t>
    </rPh>
    <phoneticPr fontId="3"/>
  </si>
  <si>
    <t>エネルギー</t>
    <phoneticPr fontId="3"/>
  </si>
  <si>
    <t>廃棄物・資源循環</t>
    <rPh sb="0" eb="3">
      <t>ハイキブツ</t>
    </rPh>
    <rPh sb="4" eb="6">
      <t>シゲン</t>
    </rPh>
    <rPh sb="6" eb="8">
      <t>ジュンカン</t>
    </rPh>
    <phoneticPr fontId="3"/>
  </si>
  <si>
    <t>自然保護・生物多様性</t>
    <rPh sb="0" eb="2">
      <t>シゼン</t>
    </rPh>
    <rPh sb="2" eb="4">
      <t>ホゴ</t>
    </rPh>
    <rPh sb="5" eb="7">
      <t>セイブツ</t>
    </rPh>
    <rPh sb="7" eb="10">
      <t>タヨウセイ</t>
    </rPh>
    <phoneticPr fontId="3"/>
  </si>
  <si>
    <t>その他</t>
    <rPh sb="2" eb="3">
      <t>タ</t>
    </rPh>
    <phoneticPr fontId="3"/>
  </si>
  <si>
    <t>2.4.7.12.13.14.17</t>
    <phoneticPr fontId="3"/>
  </si>
  <si>
    <t>食べ物から環境を考える「①お日様の力で目玉焼きを作ろう」「②ハンバーガーはどこから？」</t>
    <rPh sb="0" eb="1">
      <t>タ</t>
    </rPh>
    <rPh sb="2" eb="3">
      <t>モノ</t>
    </rPh>
    <rPh sb="5" eb="7">
      <t>カンキョウ</t>
    </rPh>
    <rPh sb="8" eb="9">
      <t>カンガ</t>
    </rPh>
    <rPh sb="14" eb="16">
      <t>ヒサマ</t>
    </rPh>
    <rPh sb="17" eb="18">
      <t>チカラ</t>
    </rPh>
    <rPh sb="19" eb="22">
      <t>メダマヤ</t>
    </rPh>
    <rPh sb="24" eb="25">
      <t>ツク</t>
    </rPh>
    <phoneticPr fontId="7"/>
  </si>
  <si>
    <t>かばんの中の温暖化問題</t>
    <rPh sb="4" eb="5">
      <t>ナカ</t>
    </rPh>
    <rPh sb="6" eb="9">
      <t>オンダンカ</t>
    </rPh>
    <rPh sb="9" eb="11">
      <t>モンダイ</t>
    </rPh>
    <phoneticPr fontId="7"/>
  </si>
  <si>
    <t>ソーターランタンを作りながら地球温暖化を学ぼう</t>
    <phoneticPr fontId="7"/>
  </si>
  <si>
    <t>地球温暖化の現状と対策　何ができるか考えよう</t>
    <rPh sb="0" eb="2">
      <t>チキュウ</t>
    </rPh>
    <rPh sb="2" eb="5">
      <t>オンダンカ</t>
    </rPh>
    <rPh sb="6" eb="8">
      <t>ゲンジョウ</t>
    </rPh>
    <rPh sb="9" eb="11">
      <t>タイサク</t>
    </rPh>
    <rPh sb="12" eb="13">
      <t>ナニ</t>
    </rPh>
    <rPh sb="18" eb="19">
      <t>カンガ</t>
    </rPh>
    <phoneticPr fontId="7"/>
  </si>
  <si>
    <t>食生活から学ぶＳＤＧｓ～はじめよう！エコ・クッキング～</t>
    <rPh sb="0" eb="3">
      <t>ショクセイカツ</t>
    </rPh>
    <rPh sb="5" eb="6">
      <t>マナ</t>
    </rPh>
    <phoneticPr fontId="7"/>
  </si>
  <si>
    <t>4.7.11.12.13</t>
    <phoneticPr fontId="3"/>
  </si>
  <si>
    <t>1クラス程度まで</t>
    <rPh sb="4" eb="6">
      <t>テイド</t>
    </rPh>
    <phoneticPr fontId="3"/>
  </si>
  <si>
    <t>4.7.12.13</t>
    <phoneticPr fontId="3"/>
  </si>
  <si>
    <t>教室の中の３Rを考えよう～机とイスの３Ｒ</t>
    <rPh sb="13" eb="14">
      <t>ツクエ</t>
    </rPh>
    <phoneticPr fontId="3"/>
  </si>
  <si>
    <t>特別支援校応相談</t>
    <rPh sb="0" eb="2">
      <t>トクベツ</t>
    </rPh>
    <rPh sb="2" eb="4">
      <t>シエン</t>
    </rPh>
    <rPh sb="4" eb="5">
      <t>コウ</t>
    </rPh>
    <rPh sb="5" eb="8">
      <t>オウソウダン</t>
    </rPh>
    <phoneticPr fontId="3"/>
  </si>
  <si>
    <t>講義、グループワーク</t>
    <rPh sb="0" eb="2">
      <t>コウギ</t>
    </rPh>
    <phoneticPr fontId="3"/>
  </si>
  <si>
    <t>東洋製罐グループホールディングス㈱</t>
    <rPh sb="0" eb="2">
      <t>トウヨウ</t>
    </rPh>
    <rPh sb="2" eb="4">
      <t>セイカン</t>
    </rPh>
    <phoneticPr fontId="7"/>
  </si>
  <si>
    <t>小３の場合は１月以降に実施</t>
    <rPh sb="0" eb="1">
      <t>ショウ</t>
    </rPh>
    <rPh sb="3" eb="5">
      <t>バアイ</t>
    </rPh>
    <rPh sb="7" eb="8">
      <t>ガツ</t>
    </rPh>
    <rPh sb="8" eb="10">
      <t>イコウ</t>
    </rPh>
    <rPh sb="11" eb="13">
      <t>ジッシ</t>
    </rPh>
    <phoneticPr fontId="3"/>
  </si>
  <si>
    <t>中日本高速道路㈱</t>
    <rPh sb="0" eb="3">
      <t>ナカニホン</t>
    </rPh>
    <rPh sb="3" eb="5">
      <t>コウソク</t>
    </rPh>
    <rPh sb="5" eb="7">
      <t>ドウロ</t>
    </rPh>
    <phoneticPr fontId="7"/>
  </si>
  <si>
    <t>水の中の生き物ウォッチング</t>
    <phoneticPr fontId="3"/>
  </si>
  <si>
    <t>ＮＰＯ法人フォーラム・アソシエ</t>
    <rPh sb="3" eb="5">
      <t>ホウジン</t>
    </rPh>
    <phoneticPr fontId="7"/>
  </si>
  <si>
    <t>4.6.13.14.15</t>
    <phoneticPr fontId="3"/>
  </si>
  <si>
    <t>どうなる魚の未来～食品エコラベル（MSC.ASC)を通してSDGｓを学ぼう～</t>
    <phoneticPr fontId="7"/>
  </si>
  <si>
    <t>水産資源の減少と海鳥が直面している問題</t>
    <rPh sb="0" eb="2">
      <t>スイサン</t>
    </rPh>
    <rPh sb="2" eb="4">
      <t>シゲン</t>
    </rPh>
    <rPh sb="5" eb="7">
      <t>ゲンショウ</t>
    </rPh>
    <rPh sb="8" eb="10">
      <t>ウミドリ</t>
    </rPh>
    <rPh sb="11" eb="13">
      <t>チョクメン</t>
    </rPh>
    <rPh sb="17" eb="19">
      <t>モンダイ</t>
    </rPh>
    <phoneticPr fontId="3"/>
  </si>
  <si>
    <t>国語・図工</t>
    <rPh sb="0" eb="2">
      <t>コクゴ</t>
    </rPh>
    <rPh sb="3" eb="5">
      <t>ズコウ</t>
    </rPh>
    <phoneticPr fontId="3"/>
  </si>
  <si>
    <t>横須賀市地球温暖化対策地域協議会</t>
    <rPh sb="11" eb="13">
      <t>チイキ</t>
    </rPh>
    <phoneticPr fontId="7"/>
  </si>
  <si>
    <t>2.7.9.13.15</t>
    <phoneticPr fontId="3"/>
  </si>
  <si>
    <t>５～12月　1クラス（35～40人程度）</t>
    <rPh sb="4" eb="5">
      <t>ツキ</t>
    </rPh>
    <rPh sb="16" eb="17">
      <t>ニン</t>
    </rPh>
    <rPh sb="17" eb="19">
      <t>テイド</t>
    </rPh>
    <phoneticPr fontId="3"/>
  </si>
  <si>
    <t>５～11月　1クラス（35～40人程度）</t>
    <rPh sb="4" eb="5">
      <t>ツキ</t>
    </rPh>
    <rPh sb="16" eb="17">
      <t>ニン</t>
    </rPh>
    <rPh sb="17" eb="19">
      <t>テイド</t>
    </rPh>
    <phoneticPr fontId="3"/>
  </si>
  <si>
    <t>1～17</t>
    <phoneticPr fontId="3"/>
  </si>
  <si>
    <t>視覚障害</t>
    <phoneticPr fontId="3"/>
  </si>
  <si>
    <t>聴覚障害</t>
  </si>
  <si>
    <t>病弱</t>
  </si>
  <si>
    <t>肢体不自由</t>
    <phoneticPr fontId="3"/>
  </si>
  <si>
    <t>言語障害</t>
    <phoneticPr fontId="3"/>
  </si>
  <si>
    <t>情緒
障害自閉症</t>
    <phoneticPr fontId="3"/>
  </si>
  <si>
    <t>特別支援学校</t>
    <rPh sb="0" eb="2">
      <t>トクベツ</t>
    </rPh>
    <rPh sb="2" eb="4">
      <t>シエン</t>
    </rPh>
    <rPh sb="4" eb="6">
      <t>ガッコウ</t>
    </rPh>
    <phoneticPr fontId="3"/>
  </si>
  <si>
    <t>中　　学</t>
    <rPh sb="0" eb="1">
      <t>チュウ</t>
    </rPh>
    <phoneticPr fontId="3"/>
  </si>
  <si>
    <t>高　　校</t>
    <rPh sb="0" eb="1">
      <t>コウ</t>
    </rPh>
    <phoneticPr fontId="3"/>
  </si>
  <si>
    <t>知的障害</t>
    <rPh sb="2" eb="4">
      <t>ショウガイ</t>
    </rPh>
    <phoneticPr fontId="3"/>
  </si>
  <si>
    <t>川崎市・横浜市周辺。クラス毎実施</t>
    <rPh sb="0" eb="3">
      <t>カワサキシ</t>
    </rPh>
    <rPh sb="4" eb="7">
      <t>ヨコハマシ</t>
    </rPh>
    <rPh sb="7" eb="9">
      <t>シュウヘン</t>
    </rPh>
    <rPh sb="13" eb="14">
      <t>マイ</t>
    </rPh>
    <rPh sb="14" eb="16">
      <t>ジッシ</t>
    </rPh>
    <phoneticPr fontId="3"/>
  </si>
  <si>
    <t>プラスチックとそのリサイクルの授業と実験</t>
    <rPh sb="15" eb="17">
      <t>ジュギョウ</t>
    </rPh>
    <rPh sb="18" eb="20">
      <t>ジッケン</t>
    </rPh>
    <phoneticPr fontId="7"/>
  </si>
  <si>
    <t>〇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Ｐ明朝"/>
      <family val="1"/>
      <charset val="128"/>
    </font>
    <font>
      <sz val="6"/>
      <name val="ＭＳ 明朝"/>
      <family val="2"/>
      <charset val="128"/>
    </font>
    <font>
      <sz val="10"/>
      <color theme="1"/>
      <name val="ＭＳ Ｐ明朝"/>
      <family val="1"/>
      <charset val="128"/>
    </font>
    <font>
      <sz val="12"/>
      <color theme="1"/>
      <name val="ＭＳ Ｐゴシック"/>
      <family val="3"/>
      <charset val="128"/>
    </font>
    <font>
      <sz val="11"/>
      <name val="游ゴシック"/>
      <family val="3"/>
      <charset val="128"/>
      <scheme val="minor"/>
    </font>
    <font>
      <sz val="6"/>
      <name val="游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11"/>
      <color theme="1"/>
      <name val="メイリオ"/>
      <family val="3"/>
      <charset val="128"/>
    </font>
    <font>
      <sz val="8"/>
      <color theme="1"/>
      <name val="ＭＳ Ｐ明朝"/>
      <family val="1"/>
      <charset val="128"/>
    </font>
    <font>
      <sz val="11"/>
      <color rgb="FF000000"/>
      <name val="ＭＳ 明朝"/>
      <family val="1"/>
      <charset val="128"/>
    </font>
    <font>
      <sz val="6"/>
      <color theme="1"/>
      <name val="ＭＳ Ｐ明朝"/>
      <family val="1"/>
      <charset val="128"/>
    </font>
    <font>
      <sz val="11"/>
      <color rgb="FF222222"/>
      <name val="ＭＳ 明朝"/>
      <family val="1"/>
      <charset val="128"/>
    </font>
  </fonts>
  <fills count="7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2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66">
    <xf numFmtId="0" fontId="0" fillId="0" borderId="0" xfId="0">
      <alignment vertical="center"/>
    </xf>
    <xf numFmtId="49" fontId="2" fillId="0" borderId="0" xfId="0" applyNumberFormat="1" applyFont="1" applyAlignment="1">
      <alignment vertical="center" wrapText="1"/>
    </xf>
    <xf numFmtId="0" fontId="2" fillId="0" borderId="0" xfId="0" applyFont="1" applyFill="1" applyAlignment="1">
      <alignment horizontal="center" vertic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Fill="1" applyAlignment="1">
      <alignment vertical="center" wrapText="1"/>
    </xf>
    <xf numFmtId="0" fontId="2" fillId="0" borderId="0" xfId="0" applyFont="1" applyAlignment="1">
      <alignment vertical="center" wrapText="1" shrinkToFit="1"/>
    </xf>
    <xf numFmtId="0" fontId="2" fillId="0" borderId="1" xfId="0" applyFont="1" applyFill="1" applyBorder="1" applyAlignment="1">
      <alignment horizontal="center" vertical="center" wrapText="1"/>
    </xf>
    <xf numFmtId="0" fontId="2" fillId="0" borderId="2" xfId="0" applyFont="1" applyFill="1" applyBorder="1" applyAlignment="1">
      <alignment horizontal="center" vertical="center" wrapText="1"/>
    </xf>
    <xf numFmtId="0" fontId="2" fillId="0" borderId="2" xfId="0" applyFont="1" applyFill="1" applyBorder="1" applyAlignment="1">
      <alignment vertical="center" wrapText="1" shrinkToFit="1"/>
    </xf>
    <xf numFmtId="0" fontId="2" fillId="0" borderId="0" xfId="0" applyFont="1" applyFill="1" applyBorder="1" applyAlignment="1">
      <alignment vertical="center" wrapText="1" shrinkToFi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0" fillId="0" borderId="6" xfId="0" applyFill="1" applyBorder="1" applyAlignment="1">
      <alignment horizontal="left" vertical="center" wrapText="1"/>
    </xf>
    <xf numFmtId="0" fontId="2" fillId="4" borderId="6" xfId="0" applyFont="1" applyFill="1" applyBorder="1" applyAlignment="1">
      <alignment horizontal="center" vertical="center" wrapText="1"/>
    </xf>
    <xf numFmtId="0" fontId="2" fillId="0" borderId="6" xfId="0" applyFont="1" applyBorder="1" applyAlignment="1">
      <alignment vertical="center" wrapText="1"/>
    </xf>
    <xf numFmtId="0" fontId="2" fillId="0" borderId="6" xfId="0" applyFont="1" applyBorder="1" applyAlignment="1">
      <alignment vertical="center" wrapText="1" shrinkToFit="1"/>
    </xf>
    <xf numFmtId="0" fontId="2" fillId="0" borderId="6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left" vertical="center" wrapText="1"/>
    </xf>
    <xf numFmtId="56" fontId="0" fillId="0" borderId="6" xfId="0" applyNumberFormat="1" applyFill="1" applyBorder="1" applyAlignment="1">
      <alignment horizontal="left" vertical="center" wrapText="1"/>
    </xf>
    <xf numFmtId="0" fontId="2" fillId="0" borderId="0" xfId="0" applyFont="1" applyBorder="1" applyAlignment="1">
      <alignment vertical="center" wrapText="1"/>
    </xf>
    <xf numFmtId="0" fontId="2" fillId="0" borderId="0" xfId="0" applyFont="1" applyBorder="1" applyAlignment="1">
      <alignment vertical="center"/>
    </xf>
    <xf numFmtId="0" fontId="2" fillId="0" borderId="6" xfId="0" applyFont="1" applyFill="1" applyBorder="1" applyAlignment="1">
      <alignment horizontal="center" vertical="center" wrapText="1"/>
    </xf>
    <xf numFmtId="0" fontId="8" fillId="0" borderId="6" xfId="0" applyFont="1" applyFill="1" applyBorder="1" applyAlignment="1">
      <alignment vertical="center" wrapText="1"/>
    </xf>
    <xf numFmtId="0" fontId="9" fillId="0" borderId="0" xfId="0" applyFont="1" applyBorder="1" applyAlignment="1">
      <alignment vertical="center" wrapText="1"/>
    </xf>
    <xf numFmtId="0" fontId="2" fillId="4" borderId="0" xfId="0" applyFont="1" applyFill="1" applyAlignment="1">
      <alignment horizontal="center" vertical="center" wrapText="1"/>
    </xf>
    <xf numFmtId="0" fontId="2" fillId="3" borderId="0" xfId="0" applyFont="1" applyFill="1" applyAlignment="1">
      <alignment horizontal="center" vertical="center" wrapText="1"/>
    </xf>
    <xf numFmtId="0" fontId="2" fillId="0" borderId="6" xfId="0" applyFont="1" applyFill="1" applyBorder="1" applyAlignment="1">
      <alignment vertical="center" wrapText="1" shrinkToFit="1"/>
    </xf>
    <xf numFmtId="0" fontId="2" fillId="0" borderId="6" xfId="0" applyFont="1" applyFill="1" applyBorder="1" applyAlignment="1">
      <alignment vertical="center" wrapText="1"/>
    </xf>
    <xf numFmtId="0" fontId="2" fillId="0" borderId="6" xfId="0" applyFont="1" applyFill="1" applyBorder="1" applyAlignment="1">
      <alignment horizontal="left" vertical="center" wrapText="1"/>
    </xf>
    <xf numFmtId="0" fontId="2" fillId="6" borderId="7" xfId="0" applyFont="1" applyFill="1" applyBorder="1" applyAlignment="1">
      <alignment horizontal="center" vertical="center" wrapText="1"/>
    </xf>
    <xf numFmtId="0" fontId="2" fillId="0" borderId="6" xfId="0" applyFont="1" applyBorder="1" applyAlignment="1">
      <alignment horizontal="left" vertical="center" wrapText="1" shrinkToFit="1"/>
    </xf>
    <xf numFmtId="0" fontId="11" fillId="0" borderId="6" xfId="0" applyFont="1" applyBorder="1" applyAlignment="1">
      <alignment horizontal="left" vertical="center"/>
    </xf>
    <xf numFmtId="0" fontId="0" fillId="0" borderId="6" xfId="0" applyFill="1" applyBorder="1" applyAlignment="1">
      <alignment horizontal="center" vertical="center" wrapText="1"/>
    </xf>
    <xf numFmtId="56" fontId="0" fillId="0" borderId="6" xfId="0" applyNumberFormat="1" applyFill="1" applyBorder="1" applyAlignment="1">
      <alignment horizontal="center" vertical="center" wrapText="1"/>
    </xf>
    <xf numFmtId="0" fontId="6" fillId="0" borderId="6" xfId="1" applyFont="1" applyFill="1" applyBorder="1" applyAlignment="1">
      <alignment vertical="center" wrapText="1"/>
    </xf>
    <xf numFmtId="0" fontId="13" fillId="0" borderId="6" xfId="0" applyFont="1" applyBorder="1" applyAlignment="1">
      <alignment vertical="center" wrapText="1"/>
    </xf>
    <xf numFmtId="0" fontId="2" fillId="0" borderId="3" xfId="0" applyFont="1" applyBorder="1" applyAlignment="1">
      <alignment horizontal="left" vertical="center" wrapText="1" shrinkToFit="1"/>
    </xf>
    <xf numFmtId="0" fontId="9" fillId="0" borderId="6" xfId="0" applyFont="1" applyBorder="1" applyAlignment="1">
      <alignment horizontal="left" vertical="center" wrapText="1" shrinkToFit="1"/>
    </xf>
    <xf numFmtId="0" fontId="4" fillId="0" borderId="6" xfId="0" applyFont="1" applyBorder="1" applyAlignment="1">
      <alignment horizontal="left" vertical="center" wrapText="1" shrinkToFit="1"/>
    </xf>
    <xf numFmtId="0" fontId="2" fillId="0" borderId="6" xfId="0" applyFont="1" applyFill="1" applyBorder="1" applyAlignment="1">
      <alignment horizontal="left" vertical="center" wrapText="1" shrinkToFit="1"/>
    </xf>
    <xf numFmtId="0" fontId="4" fillId="0" borderId="6" xfId="0" applyFont="1" applyFill="1" applyBorder="1" applyAlignment="1">
      <alignment horizontal="left" vertical="center" wrapText="1" shrinkToFit="1"/>
    </xf>
    <xf numFmtId="0" fontId="2" fillId="0" borderId="0" xfId="0" applyFont="1" applyAlignment="1">
      <alignment horizontal="left" vertical="center" wrapText="1" shrinkToFit="1"/>
    </xf>
    <xf numFmtId="0" fontId="4" fillId="0" borderId="0" xfId="0" applyFont="1" applyFill="1" applyAlignment="1">
      <alignment vertical="center" wrapText="1"/>
    </xf>
    <xf numFmtId="0" fontId="4" fillId="0" borderId="6" xfId="0" applyFont="1" applyFill="1" applyBorder="1" applyAlignment="1">
      <alignment vertical="center" wrapText="1"/>
    </xf>
    <xf numFmtId="0" fontId="5" fillId="2" borderId="6" xfId="0" applyFont="1" applyFill="1" applyBorder="1" applyAlignment="1">
      <alignment horizontal="centerContinuous" vertical="center" wrapText="1" shrinkToFit="1"/>
    </xf>
    <xf numFmtId="0" fontId="2" fillId="6" borderId="6" xfId="0" applyFont="1" applyFill="1" applyBorder="1" applyAlignment="1">
      <alignment horizontal="center" vertical="center" wrapText="1"/>
    </xf>
    <xf numFmtId="0" fontId="2" fillId="6" borderId="6" xfId="0" applyFont="1" applyFill="1" applyBorder="1" applyAlignment="1">
      <alignment vertical="center" wrapText="1" shrinkToFit="1"/>
    </xf>
    <xf numFmtId="0" fontId="2" fillId="6" borderId="6" xfId="0" applyFont="1" applyFill="1" applyBorder="1" applyAlignment="1">
      <alignment horizontal="center" vertical="center" wrapText="1" shrinkToFit="1"/>
    </xf>
    <xf numFmtId="0" fontId="2" fillId="6" borderId="6" xfId="0" applyFont="1" applyFill="1" applyBorder="1" applyAlignment="1">
      <alignment vertical="center" wrapText="1"/>
    </xf>
    <xf numFmtId="0" fontId="4" fillId="6" borderId="6" xfId="0" applyFont="1" applyFill="1" applyBorder="1" applyAlignment="1">
      <alignment horizontal="center" vertical="center" wrapText="1"/>
    </xf>
    <xf numFmtId="0" fontId="10" fillId="6" borderId="6" xfId="0" applyFont="1" applyFill="1" applyBorder="1" applyAlignment="1">
      <alignment horizontal="center" vertical="center" wrapText="1"/>
    </xf>
    <xf numFmtId="0" fontId="12" fillId="6" borderId="6" xfId="0" applyFont="1" applyFill="1" applyBorder="1" applyAlignment="1">
      <alignment horizontal="center" vertical="center" wrapText="1" shrinkToFit="1"/>
    </xf>
    <xf numFmtId="49" fontId="5" fillId="2" borderId="1" xfId="0" applyNumberFormat="1" applyFont="1" applyFill="1" applyBorder="1" applyAlignment="1">
      <alignment horizontal="centerContinuous" vertical="center" wrapText="1"/>
    </xf>
    <xf numFmtId="49" fontId="5" fillId="2" borderId="2" xfId="0" applyNumberFormat="1" applyFont="1" applyFill="1" applyBorder="1" applyAlignment="1">
      <alignment horizontal="centerContinuous" vertical="center" wrapText="1"/>
    </xf>
    <xf numFmtId="49" fontId="5" fillId="2" borderId="8" xfId="0" applyNumberFormat="1" applyFont="1" applyFill="1" applyBorder="1" applyAlignment="1">
      <alignment horizontal="centerContinuous" vertical="center" wrapText="1"/>
    </xf>
    <xf numFmtId="49" fontId="5" fillId="5" borderId="6" xfId="0" applyNumberFormat="1" applyFont="1" applyFill="1" applyBorder="1" applyAlignment="1">
      <alignment vertical="top" textRotation="255" wrapText="1"/>
    </xf>
    <xf numFmtId="0" fontId="5" fillId="5" borderId="6" xfId="0" applyFont="1" applyFill="1" applyBorder="1" applyAlignment="1">
      <alignment horizontal="center" vertical="top" textRotation="255" shrinkToFit="1"/>
    </xf>
    <xf numFmtId="49" fontId="5" fillId="2" borderId="6" xfId="0" applyNumberFormat="1" applyFont="1" applyFill="1" applyBorder="1" applyAlignment="1">
      <alignment horizontal="center" vertical="center" wrapText="1"/>
    </xf>
    <xf numFmtId="49" fontId="5" fillId="2" borderId="6" xfId="0" applyNumberFormat="1" applyFont="1" applyFill="1" applyBorder="1" applyAlignment="1">
      <alignment vertical="center" textRotation="255" wrapText="1"/>
    </xf>
    <xf numFmtId="49" fontId="5" fillId="3" borderId="6" xfId="0" applyNumberFormat="1" applyFont="1" applyFill="1" applyBorder="1" applyAlignment="1">
      <alignment horizontal="center" vertical="center" wrapText="1"/>
    </xf>
    <xf numFmtId="49" fontId="5" fillId="4" borderId="6" xfId="0" applyNumberFormat="1" applyFont="1" applyFill="1" applyBorder="1" applyAlignment="1">
      <alignment horizontal="center" vertical="center" wrapText="1"/>
    </xf>
    <xf numFmtId="49" fontId="5" fillId="4" borderId="6" xfId="0" applyNumberFormat="1" applyFont="1" applyFill="1" applyBorder="1" applyAlignment="1">
      <alignment horizontal="center" vertical="center" textRotation="255" wrapText="1"/>
    </xf>
    <xf numFmtId="49" fontId="5" fillId="2" borderId="6" xfId="0" applyNumberFormat="1" applyFont="1" applyFill="1" applyBorder="1" applyAlignment="1">
      <alignment horizontal="center" vertical="center" textRotation="255" wrapText="1"/>
    </xf>
    <xf numFmtId="0" fontId="5" fillId="2" borderId="6" xfId="0" applyFont="1" applyFill="1" applyBorder="1" applyAlignment="1">
      <alignment horizontal="center" vertical="center" wrapText="1" shrinkToFit="1"/>
    </xf>
    <xf numFmtId="0" fontId="5" fillId="2" borderId="4" xfId="0" applyFont="1" applyFill="1" applyBorder="1" applyAlignment="1">
      <alignment horizontal="center" vertical="center" wrapText="1" shrinkToFit="1"/>
    </xf>
    <xf numFmtId="0" fontId="5" fillId="2" borderId="5" xfId="0" applyFont="1" applyFill="1" applyBorder="1" applyAlignment="1">
      <alignment horizontal="center" vertical="center" wrapText="1" shrinkToFit="1"/>
    </xf>
  </cellXfs>
  <cellStyles count="2">
    <cellStyle name="標準" xfId="0" builtinId="0"/>
    <cellStyle name="標準 4" xfId="1"/>
  </cellStyles>
  <dxfs count="1">
    <dxf>
      <fill>
        <patternFill>
          <bgColor theme="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0502\Users\78208182\Desktop\&#12467;&#12500;&#12540;&#29031;&#20250;&#22238;&#31572;&#12395;&#12388;&#12356;&#12390;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0502\common\H29\03_&#22320;&#29699;&#28201;&#26262;&#21270;&#23550;&#31574;&#12464;&#12523;&#12540;&#12503;\04%20&#22320;&#29699;&#29872;&#22659;&#20445;&#20840;\05%20&#23398;&#26657;&#27966;&#36963;&#20107;&#26989;\99_&#24179;&#25104;29&#24180;&#24230;&#12539;&#22519;&#34892;&#12539;&#24540;&#21215;&#12539;&#23455;&#26045;&#32080;&#26524;-&#26368;&#32066;\00-0_H29&#24180;&#24230;&#23398;&#26657;&#27966;&#36963;&#20107;&#26989;.xlsm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0502\common\01_&#35336;&#30011;&#65319;\12_&#29872;&#22659;&#25945;&#32946;&#12539;&#29872;&#22659;&#23398;&#32722;\01_&#29872;&#22659;&#25945;&#32946;\01_&#23398;&#26657;&#27966;&#36963;&#20107;&#26989;\&#9733;&#65330;&#65302;&#23455;&#26045;&#24076;&#26395;&#26657;&#21215;&#38598;\04_&#25480;&#26989;&#19968;&#35239;(&#12513;&#12540;&#12523;&#28155;&#20184;&#29992;)0313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覧"/>
      <sheetName val="照会回答メモ"/>
      <sheetName val="照会回答メモ印刷用"/>
      <sheetName val="Sheet2"/>
      <sheetName val="特殊勤務手当の計算"/>
      <sheetName val="特勤C"/>
      <sheetName val="件数"/>
      <sheetName val="URL"/>
      <sheetName val="整理"/>
      <sheetName val="照会・確認"/>
      <sheetName val="memo"/>
      <sheetName val="特勤整理簿"/>
      <sheetName val="新幹線利用について"/>
      <sheetName val="横浜　小中一貫校について"/>
      <sheetName val="特勤について１"/>
      <sheetName val="横浜市小中一貫校の特勤に関する記録"/>
      <sheetName val="特勤について２"/>
      <sheetName val="学校教育団体・教育研究団体"/>
      <sheetName val="特勤規則の運用"/>
    </sheetNames>
    <sheetDataSet>
      <sheetData sheetId="0"/>
      <sheetData sheetId="1"/>
      <sheetData sheetId="2"/>
      <sheetData sheetId="3"/>
      <sheetData sheetId="4"/>
      <sheetData sheetId="5">
        <row r="3">
          <cell r="AI3">
            <v>121</v>
          </cell>
        </row>
        <row r="4">
          <cell r="AI4">
            <v>122</v>
          </cell>
        </row>
        <row r="5">
          <cell r="AI5">
            <v>123</v>
          </cell>
        </row>
        <row r="6">
          <cell r="AI6">
            <v>124</v>
          </cell>
        </row>
        <row r="7">
          <cell r="AI7">
            <v>125</v>
          </cell>
        </row>
        <row r="8">
          <cell r="AI8">
            <v>126</v>
          </cell>
        </row>
        <row r="9">
          <cell r="AI9">
            <v>127</v>
          </cell>
        </row>
        <row r="10">
          <cell r="AI10">
            <v>128</v>
          </cell>
        </row>
        <row r="11">
          <cell r="AI11">
            <v>129</v>
          </cell>
        </row>
        <row r="12">
          <cell r="AI12">
            <v>131</v>
          </cell>
        </row>
        <row r="13">
          <cell r="AI13">
            <v>132</v>
          </cell>
        </row>
        <row r="14">
          <cell r="AI14">
            <v>133</v>
          </cell>
        </row>
        <row r="15">
          <cell r="AI15">
            <v>135</v>
          </cell>
        </row>
        <row r="16">
          <cell r="AI16">
            <v>136</v>
          </cell>
        </row>
        <row r="17">
          <cell r="AI17">
            <v>134</v>
          </cell>
        </row>
      </sheetData>
      <sheetData sheetId="6">
        <row r="1">
          <cell r="D1" t="str">
            <v>旅費</v>
          </cell>
          <cell r="E1" t="str">
            <v>特勤</v>
          </cell>
          <cell r="F1" t="str">
            <v>雇用保険</v>
          </cell>
          <cell r="G1" t="str">
            <v>C3</v>
          </cell>
          <cell r="H1" t="str">
            <v>給与報告</v>
          </cell>
          <cell r="I1" t="str">
            <v>その他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覧"/>
      <sheetName val="歳出予算依頼票"/>
      <sheetName val="歳出予算依頼票データ"/>
      <sheetName val="総務室執行管理表関連【計算】"/>
      <sheetName val="平成29年度予算"/>
      <sheetName val="平成29年度執行状況"/>
      <sheetName val="支出負担行為・支出"/>
      <sheetName val="平成29年度講師情報"/>
      <sheetName val="平成29年度講師別実施校数"/>
      <sheetName val="平成29年度実施校決定・仕様書管理"/>
      <sheetName val="H29バナー広告用データ"/>
      <sheetName val="平成29年度選定結果【テーマ別】"/>
      <sheetName val="アンケート入力"/>
      <sheetName val="申込授業一覧"/>
      <sheetName val="アンケ結果データ"/>
      <sheetName val="授業別実施結果"/>
      <sheetName val="アンケート送付用データ【学校】"/>
      <sheetName val="アンケート未回答データ"/>
      <sheetName val="【2904】授業一覧表紙"/>
      <sheetName val="【H2904】授業一覧"/>
      <sheetName val="2904募集応募一覧"/>
      <sheetName val="４月募集実施校決定"/>
      <sheetName val="講師一覧【４月募集希望校募集】"/>
      <sheetName val="2904-【案の２】施行方法等"/>
      <sheetName val="2904-【案の３・４】施行先"/>
      <sheetName val="H2904授業一覧【希望校募集】※一部修正"/>
      <sheetName val="【2907】平成29年度講師情報 "/>
      <sheetName val="【2907】授業一覧表紙"/>
      <sheetName val="【2907】授業一覧 "/>
      <sheetName val="各学校等への施行方法"/>
      <sheetName val="【2907】実施希望校・決定校"/>
      <sheetName val="講師一覧【追加募集希望校募集】 "/>
      <sheetName val="学校あて追加募集結果通知の施行"/>
      <sheetName val="募集結果講師あて施行文【追加募集】"/>
      <sheetName val="【2911】平成29年度講師情報"/>
      <sheetName val="【2911】随時募集授業一覧表紙 "/>
      <sheetName val="【2911】随時募集授業一覧 "/>
      <sheetName val="【2911】実施希望校・決定校"/>
      <sheetName val="配付先学校一覧"/>
      <sheetName val="学校数"/>
      <sheetName val="【参考】学習指導要領"/>
      <sheetName val="照会・回答"/>
      <sheetName val="2908ボランタリー団体等と関わりのある取組に関する調査"/>
      <sheetName val="2908経済活性化・産業政策特別委員会報告資料調査"/>
      <sheetName val="29９月定での温対計画の報告資料"/>
      <sheetName val="データ"/>
      <sheetName val="00-0_H29年度学校派遣事業"/>
    </sheetNames>
    <sheetDataSet>
      <sheetData sheetId="0"/>
      <sheetData sheetId="1"/>
      <sheetData sheetId="2">
        <row r="2">
          <cell r="B2" t="str">
            <v>川崎市立小倉小学校-４月募集（川崎市地球温暖化防止活動推進センター）</v>
          </cell>
        </row>
        <row r="3">
          <cell r="B3" t="str">
            <v>小田原市立大窪小学校-４月募集（ＮＰＯ法人　ソフトエネルギープロジェクト）</v>
          </cell>
        </row>
        <row r="4">
          <cell r="B4" t="str">
            <v>相模原市立並木小学校-４月募集（富士通株式会社）</v>
          </cell>
        </row>
        <row r="5">
          <cell r="B5" t="str">
            <v>逗子市立逗子小学校-４月募集（神奈川県地球温暖化防止活動推進員　環境学習支援チーム）</v>
          </cell>
        </row>
        <row r="6">
          <cell r="B6" t="str">
            <v>横浜市立あざみ野第二小学校-４月募集（ＮＰＯ法人　こども自然公園どろんこクラブ）</v>
          </cell>
        </row>
        <row r="7">
          <cell r="B7" t="str">
            <v>川崎市立南加瀬小学校-４月募集（ＮＰＯ法人　神奈川県環境学習リーダー会）</v>
          </cell>
        </row>
        <row r="8">
          <cell r="B8" t="str">
            <v>葉山町立上山口小学校-４月募集（ＮＰＯ法人　アース・エコ）</v>
          </cell>
        </row>
        <row r="9">
          <cell r="B9" t="str">
            <v>県立保土ヶ谷養護学校　横浜平沼分教室-４月募集（ＮＰＯ法人　シニアボランティア経験を活かす会）</v>
          </cell>
        </row>
        <row r="10">
          <cell r="B10" t="str">
            <v>大和市立大和東小学校-４月募集（ＭＩＺＵＢＥ探検隊）</v>
          </cell>
        </row>
        <row r="11">
          <cell r="B11" t="str">
            <v>横浜市立名瀬小学校-４月募集（ＮＰＯ法人　全国森林インストラクター神奈川会）</v>
          </cell>
        </row>
        <row r="12">
          <cell r="B12" t="str">
            <v>横浜市立田奈小学校-４月募集（ＮＰＯ法人　アース・エコ）</v>
          </cell>
        </row>
        <row r="13">
          <cell r="B13" t="str">
            <v>横浜市立すみれが丘小学校-４月募集（味の素株式会社）</v>
          </cell>
        </row>
        <row r="14">
          <cell r="B14" t="str">
            <v>法政大学第二高校-４月募集（ＮＰＯ法人　横浜ＬＣＡ環境教育研究会）</v>
          </cell>
        </row>
        <row r="15">
          <cell r="B15" t="str">
            <v>県立横須賀高等学校（定時制）-４月募集（ＮＰＯ法人　ソフトエネルギープロジェクト）</v>
          </cell>
        </row>
        <row r="16">
          <cell r="B16" t="str">
            <v>川崎市立藤崎小学校-４月募集（ＮＰＯ法人　かながわ森林インストラクターの会）</v>
          </cell>
        </row>
        <row r="17">
          <cell r="B17" t="str">
            <v>横浜市立南瀬谷小学校-４月募集（ＮＰＯ法人　全国森林インストラクター神奈川会）</v>
          </cell>
        </row>
        <row r="18">
          <cell r="B18" t="str">
            <v>県立湘南養護学校-４月募集（ＮＰＯ法人　かながわ環境カウンセラー協議会）</v>
          </cell>
        </row>
        <row r="19">
          <cell r="B19" t="str">
            <v>平塚市立山下小学校-４月募集（ＮＰＯ法人　ソフトエネルギープロジェクト）</v>
          </cell>
        </row>
        <row r="20">
          <cell r="B20" t="str">
            <v>横浜国立大学教育学部附属鎌倉小学校-４月募集（ＮＰＯ法人　ソフトエネルギープロジェクト）</v>
          </cell>
        </row>
        <row r="21">
          <cell r="B21" t="str">
            <v>県立向の岡工業高等学校（定時制・総合学科）-４月募集（塩ビ工業・環境協会）</v>
          </cell>
        </row>
        <row r="22">
          <cell r="B22" t="str">
            <v>厚木市立相川小学校-４月募集（ＮＰＯ法人　こども自然公園どろんこクラブ）</v>
          </cell>
        </row>
        <row r="23">
          <cell r="B23" t="str">
            <v>横須賀市立大矢部小学校-４月募集（生活協同組合パルシステム神奈川ゆめコープ）</v>
          </cell>
        </row>
        <row r="24">
          <cell r="B24" t="str">
            <v>川崎市立野川小学校-４月募集（ＮＰＯ法人　アース・エコ）</v>
          </cell>
        </row>
        <row r="25">
          <cell r="B25" t="str">
            <v>横浜市立いずみ野小学校-４月募集（味の素株式会社）</v>
          </cell>
        </row>
        <row r="26">
          <cell r="B26" t="str">
            <v>厚木市立小鮎小学校-４月募集（株式会社ＨＧＳＴジャパン）</v>
          </cell>
        </row>
        <row r="27">
          <cell r="B27" t="str">
            <v>横浜市立星川小学校-４月募集（ＭＩＺＵＢＥ探検隊）</v>
          </cell>
        </row>
        <row r="28">
          <cell r="B28" t="str">
            <v>県立伊勢原養護学校-４月募集（ＮＰＯ法人　ソフトエネルギープロジェクト）</v>
          </cell>
        </row>
        <row r="29">
          <cell r="B29" t="str">
            <v>県立海老名高等学校-４月募集（ＮＰＯ法人　ソフトエネルギープロジェクト）</v>
          </cell>
        </row>
        <row r="30">
          <cell r="B30" t="str">
            <v>綾瀬市立北の台小学校-４月募集（ＮＰＯ法人　ふるさと環境市民）</v>
          </cell>
        </row>
        <row r="31">
          <cell r="B31" t="str">
            <v>横浜国立大学教育学部附属横浜小学校-４月募集（生活協同組合パルシステム神奈川ゆめコープ）</v>
          </cell>
        </row>
        <row r="32">
          <cell r="B32" t="str">
            <v>三浦市立旭小学校-４月募集（ＮＰＯ法人　ソフトエネルギープロジェクト）</v>
          </cell>
        </row>
        <row r="33">
          <cell r="B33" t="str">
            <v>横浜市立不動丸小学校-追加募集（ＮＰＯ法人　こども自然公園どろんこクラブ）</v>
          </cell>
        </row>
        <row r="34">
          <cell r="B34" t="str">
            <v>相模原市立若草小学校-追加募集（ＮＰＯ法人　アース・エコ）</v>
          </cell>
        </row>
        <row r="35">
          <cell r="B35" t="str">
            <v>横浜市立星川小学校-追加募集（ＭＩＺＵＢＥ探検隊）</v>
          </cell>
        </row>
        <row r="36">
          <cell r="B36" t="str">
            <v>大和市立西鶴間小学校-追加募集（ＮＰＯ法人　アース・エコ）</v>
          </cell>
        </row>
        <row r="37">
          <cell r="B37" t="str">
            <v>三浦市立南下浦小学校-追加募集（ＭＩＺＵＢＥ探検隊）</v>
          </cell>
        </row>
        <row r="38">
          <cell r="B38" t="str">
            <v>横浜市立黒須田小学校-追加募集（ＮＰＯ法人　神奈川県環境学習リーダー会）</v>
          </cell>
        </row>
        <row r="39">
          <cell r="B39" t="str">
            <v>小田原市立千代小学校-追加募集（ＭＩＺＵＢＥ探検隊）</v>
          </cell>
        </row>
        <row r="40">
          <cell r="B40" t="str">
            <v>横浜市立長津田第二小学校-４月募集（ＮＰＯ法人　アース・エコ）</v>
          </cell>
        </row>
        <row r="41">
          <cell r="B41" t="str">
            <v>海老名市立杉本小学校-追加募集（神奈川県地球温暖化防止活動推進員　環境学習支援チーム）</v>
          </cell>
        </row>
        <row r="42">
          <cell r="B42" t="str">
            <v>相模原市立広陵小学校-４月募集（ＮＰＯ法人　かながわ環境カウンセラー協議会）</v>
          </cell>
        </row>
        <row r="43">
          <cell r="B43" t="str">
            <v>県立高津養護学校　生田東分教室-４月募集（管路管理総合研究所）</v>
          </cell>
        </row>
        <row r="44">
          <cell r="B44" t="str">
            <v>茅ヶ崎市立小和田小学校-追加募集（ＮＰＯ法人　かながわ環境カウンセラー協議会）</v>
          </cell>
        </row>
        <row r="45">
          <cell r="B45" t="str">
            <v>綾瀬市立綾西小学校-追加募集（ＮＰＯ法人　ふるさと環境市民）</v>
          </cell>
        </row>
        <row r="46">
          <cell r="B46" t="str">
            <v>川崎市立百合丘小学校-４月募集（ＮＰＯ法人　神奈川県環境学習リーダー会）</v>
          </cell>
        </row>
        <row r="47">
          <cell r="B47" t="str">
            <v>横浜市立鳥が丘小学校-４月募集（ＮＰＯ法人　全国森林インストラクター神奈川会）</v>
          </cell>
        </row>
        <row r="48">
          <cell r="B48" t="str">
            <v>横浜市立あざみ野第一小学校-追加募集（ＮＰＯ法人　こども自然公園どろんこクラブ）</v>
          </cell>
        </row>
        <row r="49">
          <cell r="B49" t="str">
            <v>伊勢原市立大田小学校-４月募集（生活協同組合パルシステム神奈川ゆめコープ）</v>
          </cell>
        </row>
        <row r="50">
          <cell r="B50" t="str">
            <v>海老名市立海老名小学校-追加募集（ＮＰＯ法人　神奈川県環境学習リーダー会）</v>
          </cell>
        </row>
        <row r="51">
          <cell r="B51" t="str">
            <v>県立瀬谷養護学校　大和東分教室-追加募集（ＮＰＯ法人　ソフトエネルギープロジェクト）</v>
          </cell>
        </row>
        <row r="52">
          <cell r="B52" t="str">
            <v>横浜市立義務教育学校　霧が丘学園-追加募集（ＮＰＯ法人　かながわ環境カウンセラー協議会）</v>
          </cell>
        </row>
        <row r="53">
          <cell r="B53" t="str">
            <v>川崎市立西生田小学校-４月募集（一般社団法人　プラスチック循環利用協会）</v>
          </cell>
        </row>
        <row r="54">
          <cell r="B54" t="str">
            <v>葉山町立一色小学校-４月募集（ＮＰＯ法人　アース・エコ）</v>
          </cell>
        </row>
        <row r="55">
          <cell r="B55" t="str">
            <v>相模原市立星が丘小学校-追加募集（株式会社岡村製作所）</v>
          </cell>
        </row>
        <row r="56">
          <cell r="B56" t="str">
            <v>平塚市立みずほ小学校-４月募集（ＮＰＯ法人　神奈川県環境学習リーダー会）</v>
          </cell>
        </row>
        <row r="57">
          <cell r="B57" t="str">
            <v>横浜市立南本宿小学校-追加募集（ＭＩＺＵＢＥ探検隊）</v>
          </cell>
        </row>
        <row r="58">
          <cell r="B58" t="str">
            <v>三浦市立三崎小学校-追加募集（ＮＰＯ法人　シニアボランティア経験を活かす会）</v>
          </cell>
        </row>
        <row r="59">
          <cell r="B59" t="str">
            <v>県立津久井高等学校-追加募集（ＮＰＯ法人　ソフトエネルギープロジェクト）</v>
          </cell>
        </row>
        <row r="60">
          <cell r="B60" t="str">
            <v>三浦市立初声小学校-追加募集（サントリーホールディングス株式会社）</v>
          </cell>
        </row>
        <row r="61">
          <cell r="B61" t="str">
            <v>横浜市立平戸小学校-４月募集（ＮＰＯ法人　全国森林インストラクター神奈川会）</v>
          </cell>
        </row>
        <row r="62">
          <cell r="B62" t="str">
            <v>横浜市立東品濃小学校-４月募集（ＮＰＯ法人　全国森林インストラクター神奈川会）</v>
          </cell>
        </row>
        <row r="63">
          <cell r="B63" t="str">
            <v>県立相模原中央支援学校-４月募集（株式会社ＪＶＣケンウッド）</v>
          </cell>
        </row>
        <row r="64">
          <cell r="B64" t="str">
            <v>県立平塚江南高等学校-４月募集（ＮＰＯ法人　横浜ＬＣＡ環境教育研究会）</v>
          </cell>
        </row>
        <row r="65">
          <cell r="B65" t="str">
            <v>県立神奈川工業高等学校-４月募集（ＮＰＯ法人　シニアボランティア経験を活かす会）</v>
          </cell>
        </row>
        <row r="66">
          <cell r="B66" t="str">
            <v>相模原市立串川小学校-追加募集（ＮＰＯ法人　ふるさと環境市民）</v>
          </cell>
        </row>
        <row r="67">
          <cell r="B67" t="str">
            <v>川崎市立犬蔵小学校-４月募集（味の素株式会社）</v>
          </cell>
        </row>
        <row r="68">
          <cell r="B68" t="str">
            <v>大和市立深見小学校-４月募集（株式会社カネダ）</v>
          </cell>
        </row>
        <row r="69">
          <cell r="B69" t="str">
            <v>大磯町立国府小学校-４月募集（ＮＰＯ法人　ソフトエネルギープロジェクト）</v>
          </cell>
        </row>
        <row r="70">
          <cell r="B70" t="str">
            <v>横浜国立大学教育学部附属鎌倉小学校-追加募集（ＮＰＯ法人　野生動物救護獣医師協会神奈川支部）</v>
          </cell>
        </row>
        <row r="71">
          <cell r="B71" t="str">
            <v>横浜市立相沢小学校-追加募集（横浜温暖化防止推進員会議）</v>
          </cell>
        </row>
        <row r="72">
          <cell r="B72" t="str">
            <v>県立藤沢工科高等学校-４月募集（東洋製罐株式会社）</v>
          </cell>
        </row>
        <row r="73">
          <cell r="B73" t="str">
            <v>県立保土ヶ谷養護学校-追加募集（ＮＰＯ法人　ソフトエネルギープロジェクト）</v>
          </cell>
        </row>
        <row r="74">
          <cell r="B74" t="str">
            <v>県立上溝南高等学校-追加募集（神奈川県地球温暖化防止活動推進員　環境学習支援チーム）</v>
          </cell>
        </row>
        <row r="75">
          <cell r="B75" t="str">
            <v>相模原市立谷口台小学校-４月募集（ＮＰＯ法人　アース・エコ）</v>
          </cell>
        </row>
        <row r="76">
          <cell r="B76" t="str">
            <v>葉山町立長柄小学校-４月募集（ＮＰＯ法人　アース・エコ）</v>
          </cell>
        </row>
        <row r="77">
          <cell r="B77" t="str">
            <v>大和市立鶴間中学校-４月募集（株式会社日清製粉グループ本社）</v>
          </cell>
        </row>
        <row r="78">
          <cell r="B78" t="str">
            <v>神奈川学園中学校・高等学校-４月募集（ＮＰＯ法人　横浜ＬＣＡ環境教育研究会）</v>
          </cell>
        </row>
        <row r="79">
          <cell r="B79" t="str">
            <v>小田原市立下中小学校-４月募集（株式会社ＨＧＳＴジャパン）</v>
          </cell>
        </row>
        <row r="80">
          <cell r="B80" t="str">
            <v>南足柄市立向田小学校-４月募集（ＮＰＯ法人　シニアボランティア経験を活かす会）</v>
          </cell>
        </row>
        <row r="81">
          <cell r="B81" t="str">
            <v>平塚市立横内小学校-追加募集（ＮＰＯ法人　かながわ森林インストラクターの会）</v>
          </cell>
        </row>
        <row r="82">
          <cell r="B82" t="str">
            <v>横浜市立城郷小学校-４月募集（富士通株式会社）</v>
          </cell>
        </row>
        <row r="83">
          <cell r="B83" t="str">
            <v>横須賀市立養護学校-４月募集（ＮＰＯ法人　神奈川県環境学習リーダー会）</v>
          </cell>
        </row>
        <row r="84">
          <cell r="B84" t="str">
            <v>鎌倉市立第二小学校-４月募集（公益財団法人　日本環境協会）</v>
          </cell>
        </row>
        <row r="85">
          <cell r="B85" t="str">
            <v>葉山町立葉山小学校-４月募集（ＮＰＯ法人　アース・エコ）</v>
          </cell>
        </row>
        <row r="86">
          <cell r="B86" t="str">
            <v>捜真小学校-４月募集（ＮＰＯ法人　かながわ環境カウンセラー協議会）</v>
          </cell>
        </row>
        <row r="87">
          <cell r="B87" t="str">
            <v>逗子市立久木中学校-追加募集（ずしし環境会議　二酸化炭素削減部会）</v>
          </cell>
        </row>
        <row r="88">
          <cell r="B88" t="str">
            <v>厚木市立妻田小学校-４月募集（公益財団法人　日本環境協会）</v>
          </cell>
        </row>
        <row r="89">
          <cell r="B89" t="str">
            <v>逗子市立久木中学校-４月募集（ずしし環境会議　二酸化炭素削減部会）</v>
          </cell>
        </row>
        <row r="90">
          <cell r="B90" t="str">
            <v>県立吉田島高等学校-４月募集（ＮＰＯ法人　ソフトエネルギープロジェクト）</v>
          </cell>
        </row>
        <row r="91">
          <cell r="B91" t="str">
            <v>0-0（0）</v>
          </cell>
        </row>
        <row r="92">
          <cell r="B92" t="str">
            <v>0-0（0）</v>
          </cell>
        </row>
        <row r="93">
          <cell r="B93" t="str">
            <v>0-0（0）</v>
          </cell>
        </row>
        <row r="94">
          <cell r="B94" t="str">
            <v>0-0（0）</v>
          </cell>
        </row>
        <row r="95">
          <cell r="B95" t="str">
            <v>0-0（0）</v>
          </cell>
        </row>
        <row r="96">
          <cell r="B96" t="str">
            <v>0-0（0）</v>
          </cell>
        </row>
        <row r="97">
          <cell r="B97" t="str">
            <v>0-0（0）</v>
          </cell>
        </row>
        <row r="98">
          <cell r="B98" t="str">
            <v>0-0（0）</v>
          </cell>
        </row>
        <row r="99">
          <cell r="B99" t="str">
            <v>0-0（0）</v>
          </cell>
        </row>
        <row r="100">
          <cell r="B100" t="str">
            <v>0-0（0）</v>
          </cell>
        </row>
        <row r="101">
          <cell r="B101" t="str">
            <v>0-0（0）</v>
          </cell>
        </row>
        <row r="102">
          <cell r="B102" t="e">
            <v>#REF!</v>
          </cell>
        </row>
        <row r="103">
          <cell r="B103" t="e">
            <v>#REF!</v>
          </cell>
        </row>
        <row r="104">
          <cell r="B104" t="e">
            <v>#REF!</v>
          </cell>
        </row>
        <row r="105">
          <cell r="B105" t="e">
            <v>#REF!</v>
          </cell>
        </row>
        <row r="106">
          <cell r="B106" t="e">
            <v>#REF!</v>
          </cell>
        </row>
        <row r="107">
          <cell r="B107" t="e">
            <v>#REF!</v>
          </cell>
        </row>
        <row r="108">
          <cell r="B108" t="e">
            <v>#REF!</v>
          </cell>
        </row>
        <row r="109">
          <cell r="B109" t="e">
            <v>#REF!</v>
          </cell>
        </row>
        <row r="110">
          <cell r="B110" t="e">
            <v>#REF!</v>
          </cell>
        </row>
        <row r="111">
          <cell r="B111" t="e">
            <v>#REF!</v>
          </cell>
        </row>
        <row r="112">
          <cell r="B112" t="e">
            <v>#REF!</v>
          </cell>
        </row>
        <row r="113">
          <cell r="B113" t="e">
            <v>#REF!</v>
          </cell>
        </row>
        <row r="114">
          <cell r="B114" t="e">
            <v>#REF!</v>
          </cell>
        </row>
        <row r="115">
          <cell r="B115" t="e">
            <v>#REF!</v>
          </cell>
        </row>
        <row r="116">
          <cell r="B116" t="e">
            <v>#REF!</v>
          </cell>
        </row>
        <row r="117">
          <cell r="B117" t="e">
            <v>#REF!</v>
          </cell>
        </row>
        <row r="118">
          <cell r="B118" t="e">
            <v>#REF!</v>
          </cell>
        </row>
        <row r="119">
          <cell r="B119" t="e">
            <v>#REF!</v>
          </cell>
        </row>
        <row r="120">
          <cell r="B120" t="e">
            <v>#REF!</v>
          </cell>
        </row>
        <row r="121">
          <cell r="B121" t="e">
            <v>#REF!</v>
          </cell>
        </row>
        <row r="122">
          <cell r="B122" t="e">
            <v>#REF!</v>
          </cell>
        </row>
        <row r="123">
          <cell r="B123" t="e">
            <v>#REF!</v>
          </cell>
        </row>
        <row r="124">
          <cell r="B124" t="e">
            <v>#REF!</v>
          </cell>
        </row>
        <row r="125">
          <cell r="B125" t="e">
            <v>#REF!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>
        <row r="2">
          <cell r="B2" t="str">
            <v>県立</v>
          </cell>
          <cell r="C2" t="str">
            <v>小学校</v>
          </cell>
          <cell r="D2" t="str">
            <v>横浜市</v>
          </cell>
        </row>
        <row r="3">
          <cell r="B3" t="str">
            <v>横浜市</v>
          </cell>
          <cell r="C3" t="str">
            <v>義務教育学校</v>
          </cell>
          <cell r="D3" t="str">
            <v>川崎市</v>
          </cell>
        </row>
        <row r="4">
          <cell r="B4" t="str">
            <v>川崎市</v>
          </cell>
          <cell r="C4" t="str">
            <v>中学校</v>
          </cell>
          <cell r="D4" t="str">
            <v>相模原市</v>
          </cell>
        </row>
        <row r="5">
          <cell r="B5" t="str">
            <v>相模原市</v>
          </cell>
          <cell r="C5" t="str">
            <v>高校</v>
          </cell>
          <cell r="D5" t="str">
            <v>横須賀市</v>
          </cell>
        </row>
        <row r="6">
          <cell r="B6" t="str">
            <v>横須賀市</v>
          </cell>
          <cell r="C6" t="str">
            <v>中等教育学校</v>
          </cell>
          <cell r="D6" t="str">
            <v>平塚市</v>
          </cell>
        </row>
        <row r="7">
          <cell r="B7" t="str">
            <v>平塚市</v>
          </cell>
          <cell r="C7" t="str">
            <v>特別支援学校</v>
          </cell>
          <cell r="D7" t="str">
            <v>鎌倉市</v>
          </cell>
        </row>
        <row r="8">
          <cell r="B8" t="str">
            <v>鎌倉市</v>
          </cell>
          <cell r="D8" t="str">
            <v>藤沢市</v>
          </cell>
        </row>
        <row r="9">
          <cell r="B9" t="str">
            <v>藤沢市</v>
          </cell>
          <cell r="D9" t="str">
            <v>小田原市</v>
          </cell>
        </row>
        <row r="10">
          <cell r="B10" t="str">
            <v>小田原市</v>
          </cell>
          <cell r="D10" t="str">
            <v>茅ヶ崎市</v>
          </cell>
        </row>
        <row r="11">
          <cell r="B11" t="str">
            <v>茅ヶ崎市</v>
          </cell>
          <cell r="D11" t="str">
            <v>逗子市</v>
          </cell>
        </row>
        <row r="12">
          <cell r="B12" t="str">
            <v>逗子市</v>
          </cell>
          <cell r="D12" t="str">
            <v>三浦市</v>
          </cell>
        </row>
        <row r="13">
          <cell r="B13" t="str">
            <v>三浦市</v>
          </cell>
          <cell r="D13" t="str">
            <v>秦野市</v>
          </cell>
        </row>
        <row r="14">
          <cell r="B14" t="str">
            <v>秦野市</v>
          </cell>
          <cell r="D14" t="str">
            <v>厚木市</v>
          </cell>
        </row>
        <row r="15">
          <cell r="B15" t="str">
            <v>厚木市</v>
          </cell>
          <cell r="D15" t="str">
            <v>大和市</v>
          </cell>
        </row>
        <row r="16">
          <cell r="B16" t="str">
            <v>大和市</v>
          </cell>
          <cell r="D16" t="str">
            <v>伊勢原市</v>
          </cell>
        </row>
        <row r="17">
          <cell r="B17" t="str">
            <v>伊勢原市</v>
          </cell>
          <cell r="D17" t="str">
            <v>海老名市</v>
          </cell>
        </row>
        <row r="18">
          <cell r="B18" t="str">
            <v>海老名市</v>
          </cell>
          <cell r="D18" t="str">
            <v>座間市</v>
          </cell>
        </row>
        <row r="19">
          <cell r="B19" t="str">
            <v>座間市</v>
          </cell>
          <cell r="D19" t="str">
            <v>南足柄市</v>
          </cell>
        </row>
        <row r="20">
          <cell r="B20" t="str">
            <v>南足柄市</v>
          </cell>
          <cell r="D20" t="str">
            <v>綾瀬市</v>
          </cell>
        </row>
        <row r="21">
          <cell r="B21" t="str">
            <v>綾瀬市</v>
          </cell>
          <cell r="D21" t="str">
            <v>葉山町</v>
          </cell>
        </row>
        <row r="22">
          <cell r="B22" t="str">
            <v>葉山町</v>
          </cell>
          <cell r="D22" t="str">
            <v>寒川町</v>
          </cell>
        </row>
        <row r="23">
          <cell r="B23" t="str">
            <v>寒川町</v>
          </cell>
          <cell r="D23" t="str">
            <v>大磯町</v>
          </cell>
        </row>
        <row r="24">
          <cell r="B24" t="str">
            <v>大磯町</v>
          </cell>
          <cell r="D24" t="str">
            <v>二宮町</v>
          </cell>
        </row>
        <row r="25">
          <cell r="B25" t="str">
            <v>二宮町</v>
          </cell>
          <cell r="D25" t="str">
            <v>中井町</v>
          </cell>
        </row>
        <row r="26">
          <cell r="B26" t="str">
            <v>中井町</v>
          </cell>
          <cell r="D26" t="str">
            <v>大井町</v>
          </cell>
        </row>
        <row r="27">
          <cell r="B27" t="str">
            <v>大井町</v>
          </cell>
          <cell r="D27" t="str">
            <v>松田町</v>
          </cell>
        </row>
        <row r="28">
          <cell r="B28" t="str">
            <v>松田町</v>
          </cell>
          <cell r="D28" t="str">
            <v>山北町</v>
          </cell>
        </row>
        <row r="29">
          <cell r="B29" t="str">
            <v>山北町</v>
          </cell>
          <cell r="D29" t="str">
            <v>開成町</v>
          </cell>
        </row>
        <row r="30">
          <cell r="B30" t="str">
            <v>開成町</v>
          </cell>
          <cell r="D30" t="str">
            <v>箱根町</v>
          </cell>
        </row>
        <row r="31">
          <cell r="B31" t="str">
            <v>箱根町</v>
          </cell>
          <cell r="D31" t="str">
            <v>真鶴町</v>
          </cell>
        </row>
        <row r="32">
          <cell r="B32" t="str">
            <v>真鶴町</v>
          </cell>
          <cell r="D32" t="str">
            <v>湯河原町</v>
          </cell>
        </row>
        <row r="33">
          <cell r="B33" t="str">
            <v>湯河原町</v>
          </cell>
          <cell r="D33" t="str">
            <v>愛川町</v>
          </cell>
        </row>
        <row r="34">
          <cell r="B34" t="str">
            <v>愛川町</v>
          </cell>
          <cell r="D34" t="str">
            <v>清川村</v>
          </cell>
        </row>
        <row r="35">
          <cell r="B35" t="str">
            <v>清川村</v>
          </cell>
        </row>
        <row r="36">
          <cell r="B36" t="str">
            <v>国立</v>
          </cell>
        </row>
        <row r="37">
          <cell r="B37" t="str">
            <v>私立</v>
          </cell>
        </row>
      </sheetData>
      <sheetData sheetId="46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③授業一覧 原本"/>
      <sheetName val="③授業一覧Ｒ６"/>
      <sheetName val="Sheet1"/>
    </sheetNames>
    <sheetDataSet>
      <sheetData sheetId="0"/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XFD87"/>
  <sheetViews>
    <sheetView tabSelected="1" view="pageBreakPreview" zoomScale="70" zoomScaleNormal="70" zoomScaleSheetLayoutView="70" workbookViewId="0">
      <pane xSplit="9" ySplit="3" topLeftCell="J85" activePane="bottomRight" state="frozen"/>
      <selection pane="topRight" activeCell="J1" sqref="J1"/>
      <selection pane="bottomLeft" activeCell="A4" sqref="A4"/>
      <selection pane="bottomRight" activeCell="P88" sqref="P88"/>
    </sheetView>
  </sheetViews>
  <sheetFormatPr defaultColWidth="8.59765625" defaultRowHeight="36" customHeight="1" x14ac:dyDescent="0.2"/>
  <cols>
    <col min="1" max="1" width="2.59765625" style="3" customWidth="1"/>
    <col min="2" max="2" width="5.5" style="1" customWidth="1"/>
    <col min="3" max="3" width="5.5" style="25" customWidth="1"/>
    <col min="4" max="4" width="10.19921875" style="24" hidden="1" customWidth="1"/>
    <col min="5" max="5" width="5.5" style="24" customWidth="1"/>
    <col min="6" max="6" width="24.69921875" style="3" customWidth="1"/>
    <col min="7" max="7" width="26.59765625" style="3" hidden="1" customWidth="1"/>
    <col min="8" max="8" width="45.796875" style="3" customWidth="1"/>
    <col min="9" max="9" width="54.69921875" style="5" customWidth="1"/>
    <col min="10" max="21" width="5.09765625" style="10" customWidth="1"/>
    <col min="22" max="25" width="5.09765625" style="5" customWidth="1"/>
    <col min="26" max="26" width="10.59765625" style="5" customWidth="1"/>
    <col min="27" max="27" width="23.19921875" style="5" customWidth="1"/>
    <col min="28" max="28" width="7.296875" style="3" customWidth="1"/>
    <col min="29" max="30" width="7.296875" style="10" customWidth="1"/>
    <col min="31" max="31" width="18.69921875" style="42" customWidth="1"/>
    <col min="32" max="32" width="54.69921875" style="41" customWidth="1"/>
    <col min="33" max="33" width="16.69921875" style="11" customWidth="1"/>
    <col min="34" max="16384" width="8.59765625" style="3"/>
  </cols>
  <sheetData>
    <row r="1" spans="2:37" ht="36" customHeight="1" x14ac:dyDescent="0.2">
      <c r="C1" s="2"/>
      <c r="D1" s="2"/>
      <c r="E1" s="2"/>
      <c r="G1" s="4"/>
      <c r="H1" s="4"/>
      <c r="J1" s="6" t="s">
        <v>0</v>
      </c>
      <c r="K1" s="7"/>
      <c r="L1" s="7"/>
      <c r="M1" s="7"/>
      <c r="N1" s="7"/>
      <c r="O1" s="7"/>
      <c r="P1" s="7"/>
      <c r="Q1" s="7"/>
      <c r="R1" s="7"/>
      <c r="S1" s="7"/>
      <c r="T1" s="7"/>
      <c r="U1" s="7"/>
      <c r="V1" s="8"/>
      <c r="W1" s="9"/>
      <c r="X1" s="9"/>
      <c r="Y1" s="9"/>
      <c r="Z1" s="9"/>
      <c r="AF1" s="36"/>
    </row>
    <row r="2" spans="2:37" ht="19.8" customHeight="1" x14ac:dyDescent="0.2">
      <c r="B2" s="58" t="s">
        <v>1</v>
      </c>
      <c r="C2" s="59" t="s">
        <v>2</v>
      </c>
      <c r="D2" s="60" t="s">
        <v>3</v>
      </c>
      <c r="E2" s="61" t="s">
        <v>4</v>
      </c>
      <c r="F2" s="57" t="s">
        <v>5</v>
      </c>
      <c r="G2" s="57"/>
      <c r="H2" s="57" t="s">
        <v>6</v>
      </c>
      <c r="I2" s="57" t="s">
        <v>7</v>
      </c>
      <c r="J2" s="62" t="s">
        <v>8</v>
      </c>
      <c r="K2" s="62" t="s">
        <v>9</v>
      </c>
      <c r="L2" s="62" t="s">
        <v>10</v>
      </c>
      <c r="M2" s="62" t="s">
        <v>289</v>
      </c>
      <c r="N2" s="62" t="s">
        <v>290</v>
      </c>
      <c r="O2" s="52" t="s">
        <v>288</v>
      </c>
      <c r="P2" s="53"/>
      <c r="Q2" s="53"/>
      <c r="R2" s="53"/>
      <c r="S2" s="53"/>
      <c r="T2" s="53"/>
      <c r="U2" s="54"/>
      <c r="V2" s="44" t="s">
        <v>11</v>
      </c>
      <c r="W2" s="44"/>
      <c r="X2" s="44"/>
      <c r="Y2" s="44"/>
      <c r="Z2" s="44"/>
      <c r="AA2" s="63" t="s">
        <v>145</v>
      </c>
      <c r="AB2" s="63" t="s">
        <v>12</v>
      </c>
      <c r="AC2" s="63" t="s">
        <v>13</v>
      </c>
      <c r="AD2" s="63" t="s">
        <v>14</v>
      </c>
      <c r="AE2" s="63" t="s">
        <v>15</v>
      </c>
      <c r="AF2" s="63" t="s">
        <v>153</v>
      </c>
      <c r="AG2" s="64" t="s">
        <v>16</v>
      </c>
    </row>
    <row r="3" spans="2:37" ht="72" customHeight="1" x14ac:dyDescent="0.2">
      <c r="B3" s="58"/>
      <c r="C3" s="59"/>
      <c r="D3" s="60"/>
      <c r="E3" s="61"/>
      <c r="F3" s="57"/>
      <c r="G3" s="57"/>
      <c r="H3" s="57"/>
      <c r="I3" s="57"/>
      <c r="J3" s="62"/>
      <c r="K3" s="62"/>
      <c r="L3" s="62"/>
      <c r="M3" s="62"/>
      <c r="N3" s="62"/>
      <c r="O3" s="55" t="s">
        <v>291</v>
      </c>
      <c r="P3" s="55" t="s">
        <v>282</v>
      </c>
      <c r="Q3" s="55" t="s">
        <v>283</v>
      </c>
      <c r="R3" s="55" t="s">
        <v>284</v>
      </c>
      <c r="S3" s="55" t="s">
        <v>285</v>
      </c>
      <c r="T3" s="55" t="s">
        <v>286</v>
      </c>
      <c r="U3" s="55" t="s">
        <v>287</v>
      </c>
      <c r="V3" s="56" t="s">
        <v>17</v>
      </c>
      <c r="W3" s="56" t="s">
        <v>18</v>
      </c>
      <c r="X3" s="56" t="s">
        <v>19</v>
      </c>
      <c r="Y3" s="56" t="s">
        <v>20</v>
      </c>
      <c r="Z3" s="56" t="s">
        <v>21</v>
      </c>
      <c r="AA3" s="63"/>
      <c r="AB3" s="63"/>
      <c r="AC3" s="63"/>
      <c r="AD3" s="63"/>
      <c r="AE3" s="63"/>
      <c r="AF3" s="63"/>
      <c r="AG3" s="65"/>
    </row>
    <row r="4" spans="2:37" ht="36" customHeight="1" x14ac:dyDescent="0.2">
      <c r="B4" s="34">
        <v>1</v>
      </c>
      <c r="C4" s="32" t="s">
        <v>22</v>
      </c>
      <c r="D4" s="13"/>
      <c r="E4" s="13">
        <v>1</v>
      </c>
      <c r="F4" s="14" t="s">
        <v>251</v>
      </c>
      <c r="G4" s="14"/>
      <c r="H4" s="12" t="s">
        <v>248</v>
      </c>
      <c r="I4" s="12" t="s">
        <v>23</v>
      </c>
      <c r="J4" s="45"/>
      <c r="K4" s="45"/>
      <c r="L4" s="45" t="s">
        <v>130</v>
      </c>
      <c r="M4" s="45"/>
      <c r="N4" s="45"/>
      <c r="O4" s="45"/>
      <c r="P4" s="45"/>
      <c r="Q4" s="45"/>
      <c r="R4" s="45"/>
      <c r="S4" s="45"/>
      <c r="T4" s="45"/>
      <c r="U4" s="45"/>
      <c r="V4" s="46"/>
      <c r="W4" s="47"/>
      <c r="X4" s="47"/>
      <c r="Y4" s="45" t="s">
        <v>130</v>
      </c>
      <c r="Z4" s="47"/>
      <c r="AA4" s="15" t="s">
        <v>146</v>
      </c>
      <c r="AB4" s="16" t="s">
        <v>133</v>
      </c>
      <c r="AC4" s="16" t="s">
        <v>129</v>
      </c>
      <c r="AD4" s="16" t="s">
        <v>135</v>
      </c>
      <c r="AE4" s="22"/>
      <c r="AF4" s="30"/>
      <c r="AG4" s="17" t="s">
        <v>220</v>
      </c>
      <c r="AI4" s="3" t="s">
        <v>130</v>
      </c>
      <c r="AJ4" s="3" t="s">
        <v>132</v>
      </c>
      <c r="AK4" s="3" t="s">
        <v>251</v>
      </c>
    </row>
    <row r="5" spans="2:37" ht="36" customHeight="1" x14ac:dyDescent="0.2">
      <c r="B5" s="34">
        <v>2</v>
      </c>
      <c r="C5" s="32" t="s">
        <v>22</v>
      </c>
      <c r="D5" s="13"/>
      <c r="E5" s="13">
        <v>1</v>
      </c>
      <c r="F5" s="14" t="s">
        <v>251</v>
      </c>
      <c r="G5" s="14"/>
      <c r="H5" s="12" t="s">
        <v>249</v>
      </c>
      <c r="I5" s="12" t="s">
        <v>250</v>
      </c>
      <c r="J5" s="45"/>
      <c r="K5" s="45" t="s">
        <v>144</v>
      </c>
      <c r="L5" s="45" t="s">
        <v>130</v>
      </c>
      <c r="M5" s="45"/>
      <c r="N5" s="45"/>
      <c r="O5" s="45"/>
      <c r="P5" s="45"/>
      <c r="Q5" s="45"/>
      <c r="R5" s="45"/>
      <c r="S5" s="45"/>
      <c r="T5" s="45"/>
      <c r="U5" s="45"/>
      <c r="V5" s="46"/>
      <c r="W5" s="45" t="s">
        <v>130</v>
      </c>
      <c r="X5" s="47"/>
      <c r="Y5" s="45" t="s">
        <v>130</v>
      </c>
      <c r="Z5" s="47"/>
      <c r="AA5" s="15" t="s">
        <v>147</v>
      </c>
      <c r="AB5" s="16" t="s">
        <v>133</v>
      </c>
      <c r="AC5" s="16" t="s">
        <v>136</v>
      </c>
      <c r="AD5" s="16" t="s">
        <v>135</v>
      </c>
      <c r="AE5" s="22" t="s">
        <v>221</v>
      </c>
      <c r="AF5" s="30" t="s">
        <v>222</v>
      </c>
      <c r="AG5" s="17" t="s">
        <v>223</v>
      </c>
      <c r="AI5" s="3" t="s">
        <v>137</v>
      </c>
      <c r="AJ5" s="3" t="s">
        <v>134</v>
      </c>
      <c r="AK5" s="3" t="s">
        <v>252</v>
      </c>
    </row>
    <row r="6" spans="2:37" ht="36" customHeight="1" x14ac:dyDescent="0.2">
      <c r="B6" s="34">
        <v>3</v>
      </c>
      <c r="C6" s="32" t="s">
        <v>22</v>
      </c>
      <c r="D6" s="13"/>
      <c r="E6" s="13">
        <v>1</v>
      </c>
      <c r="F6" s="14" t="s">
        <v>251</v>
      </c>
      <c r="G6" s="14"/>
      <c r="H6" s="31" t="s">
        <v>240</v>
      </c>
      <c r="I6" s="18" t="s">
        <v>60</v>
      </c>
      <c r="J6" s="45"/>
      <c r="K6" s="45"/>
      <c r="L6" s="45"/>
      <c r="M6" s="45" t="s">
        <v>130</v>
      </c>
      <c r="N6" s="45" t="s">
        <v>130</v>
      </c>
      <c r="O6" s="48"/>
      <c r="P6" s="48"/>
      <c r="Q6" s="45"/>
      <c r="R6" s="45"/>
      <c r="S6" s="45"/>
      <c r="T6" s="45"/>
      <c r="U6" s="45"/>
      <c r="V6" s="45" t="s">
        <v>130</v>
      </c>
      <c r="W6" s="47"/>
      <c r="X6" s="45" t="s">
        <v>130</v>
      </c>
      <c r="Y6" s="45" t="s">
        <v>130</v>
      </c>
      <c r="Z6" s="47"/>
      <c r="AA6" s="15" t="s">
        <v>147</v>
      </c>
      <c r="AB6" s="16" t="s">
        <v>131</v>
      </c>
      <c r="AC6" s="16" t="s">
        <v>136</v>
      </c>
      <c r="AD6" s="16" t="s">
        <v>135</v>
      </c>
      <c r="AE6" s="22" t="s">
        <v>212</v>
      </c>
      <c r="AF6" s="30"/>
      <c r="AG6" s="17">
        <v>13</v>
      </c>
      <c r="AH6" s="4"/>
      <c r="AI6" s="19" t="s">
        <v>135</v>
      </c>
      <c r="AJ6" s="3" t="s">
        <v>135</v>
      </c>
      <c r="AK6" s="3" t="s">
        <v>253</v>
      </c>
    </row>
    <row r="7" spans="2:37" ht="36" customHeight="1" x14ac:dyDescent="0.2">
      <c r="B7" s="34">
        <v>4</v>
      </c>
      <c r="C7" s="33" t="s">
        <v>26</v>
      </c>
      <c r="D7" s="13"/>
      <c r="E7" s="13">
        <v>1</v>
      </c>
      <c r="F7" s="14" t="s">
        <v>251</v>
      </c>
      <c r="G7" s="14"/>
      <c r="H7" s="18" t="s">
        <v>24</v>
      </c>
      <c r="I7" s="18" t="s">
        <v>25</v>
      </c>
      <c r="J7" s="45"/>
      <c r="K7" s="45" t="s">
        <v>130</v>
      </c>
      <c r="L7" s="45" t="s">
        <v>130</v>
      </c>
      <c r="M7" s="45" t="s">
        <v>130</v>
      </c>
      <c r="N7" s="45"/>
      <c r="O7" s="49"/>
      <c r="P7" s="45"/>
      <c r="Q7" s="49"/>
      <c r="R7" s="49"/>
      <c r="S7" s="45"/>
      <c r="T7" s="49"/>
      <c r="U7" s="45"/>
      <c r="V7" s="45" t="s">
        <v>130</v>
      </c>
      <c r="W7" s="45" t="s">
        <v>130</v>
      </c>
      <c r="X7" s="45" t="s">
        <v>130</v>
      </c>
      <c r="Y7" s="45" t="s">
        <v>130</v>
      </c>
      <c r="Z7" s="47"/>
      <c r="AA7" s="15" t="s">
        <v>147</v>
      </c>
      <c r="AB7" s="16" t="s">
        <v>133</v>
      </c>
      <c r="AC7" s="16" t="s">
        <v>129</v>
      </c>
      <c r="AD7" s="16" t="s">
        <v>135</v>
      </c>
      <c r="AE7" s="22"/>
      <c r="AF7" s="30"/>
      <c r="AG7" s="17">
        <v>7.13</v>
      </c>
      <c r="AI7" s="20"/>
      <c r="AK7" s="3" t="s">
        <v>254</v>
      </c>
    </row>
    <row r="8" spans="2:37" ht="36" customHeight="1" x14ac:dyDescent="0.2">
      <c r="B8" s="34">
        <v>5</v>
      </c>
      <c r="C8" s="33" t="s">
        <v>26</v>
      </c>
      <c r="D8" s="13"/>
      <c r="E8" s="13">
        <v>1</v>
      </c>
      <c r="F8" s="14" t="s">
        <v>251</v>
      </c>
      <c r="G8" s="14"/>
      <c r="H8" s="12" t="s">
        <v>27</v>
      </c>
      <c r="I8" s="12" t="s">
        <v>28</v>
      </c>
      <c r="J8" s="45" t="s">
        <v>130</v>
      </c>
      <c r="K8" s="45" t="s">
        <v>130</v>
      </c>
      <c r="L8" s="45" t="s">
        <v>130</v>
      </c>
      <c r="M8" s="45"/>
      <c r="N8" s="45"/>
      <c r="O8" s="45" t="s">
        <v>130</v>
      </c>
      <c r="P8" s="45"/>
      <c r="Q8" s="45" t="s">
        <v>130</v>
      </c>
      <c r="R8" s="45" t="s">
        <v>130</v>
      </c>
      <c r="S8" s="45" t="s">
        <v>130</v>
      </c>
      <c r="T8" s="45" t="s">
        <v>130</v>
      </c>
      <c r="U8" s="45" t="s">
        <v>130</v>
      </c>
      <c r="V8" s="45" t="s">
        <v>130</v>
      </c>
      <c r="W8" s="47"/>
      <c r="X8" s="47"/>
      <c r="Y8" s="45" t="s">
        <v>130</v>
      </c>
      <c r="Z8" s="47"/>
      <c r="AA8" s="15" t="s">
        <v>147</v>
      </c>
      <c r="AB8" s="16" t="s">
        <v>135</v>
      </c>
      <c r="AC8" s="16" t="s">
        <v>136</v>
      </c>
      <c r="AD8" s="16" t="s">
        <v>136</v>
      </c>
      <c r="AE8" s="22"/>
      <c r="AF8" s="30" t="s">
        <v>224</v>
      </c>
      <c r="AG8" s="17" t="s">
        <v>225</v>
      </c>
      <c r="AK8" s="3" t="s">
        <v>255</v>
      </c>
    </row>
    <row r="9" spans="2:37" ht="36" customHeight="1" x14ac:dyDescent="0.2">
      <c r="B9" s="34">
        <v>6</v>
      </c>
      <c r="C9" s="33" t="s">
        <v>26</v>
      </c>
      <c r="D9" s="13"/>
      <c r="E9" s="13">
        <v>1</v>
      </c>
      <c r="F9" s="14" t="s">
        <v>251</v>
      </c>
      <c r="G9" s="14"/>
      <c r="H9" s="18" t="s">
        <v>29</v>
      </c>
      <c r="I9" s="12" t="s">
        <v>30</v>
      </c>
      <c r="J9" s="45"/>
      <c r="K9" s="45" t="s">
        <v>130</v>
      </c>
      <c r="L9" s="45" t="s">
        <v>130</v>
      </c>
      <c r="M9" s="45" t="s">
        <v>130</v>
      </c>
      <c r="N9" s="45" t="s">
        <v>130</v>
      </c>
      <c r="O9" s="45" t="s">
        <v>130</v>
      </c>
      <c r="P9" s="45"/>
      <c r="Q9" s="45" t="s">
        <v>130</v>
      </c>
      <c r="R9" s="45" t="s">
        <v>130</v>
      </c>
      <c r="S9" s="45" t="s">
        <v>130</v>
      </c>
      <c r="T9" s="45" t="s">
        <v>130</v>
      </c>
      <c r="U9" s="45" t="s">
        <v>130</v>
      </c>
      <c r="V9" s="45" t="s">
        <v>130</v>
      </c>
      <c r="W9" s="45" t="s">
        <v>130</v>
      </c>
      <c r="X9" s="47"/>
      <c r="Y9" s="45" t="s">
        <v>130</v>
      </c>
      <c r="Z9" s="47"/>
      <c r="AA9" s="15" t="s">
        <v>148</v>
      </c>
      <c r="AB9" s="16" t="s">
        <v>135</v>
      </c>
      <c r="AC9" s="16" t="s">
        <v>136</v>
      </c>
      <c r="AD9" s="16" t="s">
        <v>135</v>
      </c>
      <c r="AE9" s="22" t="s">
        <v>226</v>
      </c>
      <c r="AF9" s="30" t="s">
        <v>227</v>
      </c>
      <c r="AG9" s="17">
        <v>13.15</v>
      </c>
    </row>
    <row r="10" spans="2:37" ht="36" customHeight="1" x14ac:dyDescent="0.2">
      <c r="B10" s="34">
        <v>7</v>
      </c>
      <c r="C10" s="33" t="s">
        <v>26</v>
      </c>
      <c r="D10" s="13"/>
      <c r="E10" s="13">
        <v>1</v>
      </c>
      <c r="F10" s="14" t="s">
        <v>251</v>
      </c>
      <c r="G10" s="14"/>
      <c r="H10" s="18" t="s">
        <v>31</v>
      </c>
      <c r="I10" s="18" t="s">
        <v>32</v>
      </c>
      <c r="J10" s="45"/>
      <c r="K10" s="45" t="s">
        <v>130</v>
      </c>
      <c r="L10" s="45" t="s">
        <v>130</v>
      </c>
      <c r="M10" s="45" t="s">
        <v>130</v>
      </c>
      <c r="N10" s="45"/>
      <c r="O10" s="45"/>
      <c r="P10" s="45"/>
      <c r="Q10" s="45"/>
      <c r="R10" s="45"/>
      <c r="S10" s="45"/>
      <c r="T10" s="45"/>
      <c r="U10" s="45"/>
      <c r="V10" s="45" t="s">
        <v>130</v>
      </c>
      <c r="W10" s="45" t="s">
        <v>130</v>
      </c>
      <c r="X10" s="47"/>
      <c r="Y10" s="45" t="s">
        <v>130</v>
      </c>
      <c r="Z10" s="47"/>
      <c r="AA10" s="15" t="s">
        <v>147</v>
      </c>
      <c r="AB10" s="21" t="s">
        <v>133</v>
      </c>
      <c r="AC10" s="16" t="s">
        <v>135</v>
      </c>
      <c r="AD10" s="16" t="s">
        <v>135</v>
      </c>
      <c r="AE10" s="22"/>
      <c r="AF10" s="30"/>
      <c r="AG10" s="17">
        <v>7.13</v>
      </c>
    </row>
    <row r="11" spans="2:37" ht="36" customHeight="1" x14ac:dyDescent="0.2">
      <c r="B11" s="34">
        <v>8</v>
      </c>
      <c r="C11" s="33" t="s">
        <v>26</v>
      </c>
      <c r="D11" s="13"/>
      <c r="E11" s="13">
        <v>1</v>
      </c>
      <c r="F11" s="14" t="s">
        <v>251</v>
      </c>
      <c r="G11" s="14"/>
      <c r="H11" s="18" t="s">
        <v>31</v>
      </c>
      <c r="I11" s="18" t="s">
        <v>33</v>
      </c>
      <c r="J11" s="45"/>
      <c r="K11" s="45"/>
      <c r="L11" s="45" t="s">
        <v>130</v>
      </c>
      <c r="M11" s="45"/>
      <c r="N11" s="45"/>
      <c r="O11" s="45"/>
      <c r="P11" s="45"/>
      <c r="Q11" s="45"/>
      <c r="R11" s="45"/>
      <c r="S11" s="45"/>
      <c r="T11" s="45"/>
      <c r="U11" s="45"/>
      <c r="V11" s="45" t="s">
        <v>130</v>
      </c>
      <c r="W11" s="47"/>
      <c r="X11" s="47"/>
      <c r="Y11" s="47"/>
      <c r="Z11" s="47"/>
      <c r="AA11" s="15" t="s">
        <v>147</v>
      </c>
      <c r="AB11" s="16" t="s">
        <v>131</v>
      </c>
      <c r="AC11" s="16" t="s">
        <v>136</v>
      </c>
      <c r="AD11" s="16" t="s">
        <v>135</v>
      </c>
      <c r="AE11" s="22"/>
      <c r="AF11" s="30"/>
      <c r="AG11" s="17" t="s">
        <v>228</v>
      </c>
    </row>
    <row r="12" spans="2:37" ht="36" customHeight="1" x14ac:dyDescent="0.2">
      <c r="B12" s="34">
        <v>9</v>
      </c>
      <c r="C12" s="33" t="s">
        <v>26</v>
      </c>
      <c r="D12" s="13"/>
      <c r="E12" s="13">
        <v>1</v>
      </c>
      <c r="F12" s="14" t="s">
        <v>251</v>
      </c>
      <c r="G12" s="14"/>
      <c r="H12" s="12" t="s">
        <v>34</v>
      </c>
      <c r="I12" s="12" t="s">
        <v>35</v>
      </c>
      <c r="J12" s="45" t="s">
        <v>130</v>
      </c>
      <c r="K12" s="45" t="s">
        <v>130</v>
      </c>
      <c r="L12" s="45" t="s">
        <v>130</v>
      </c>
      <c r="M12" s="45" t="s">
        <v>130</v>
      </c>
      <c r="N12" s="45" t="s">
        <v>130</v>
      </c>
      <c r="O12" s="45"/>
      <c r="P12" s="45"/>
      <c r="Q12" s="45"/>
      <c r="R12" s="45"/>
      <c r="S12" s="45"/>
      <c r="T12" s="45"/>
      <c r="U12" s="45"/>
      <c r="V12" s="45" t="s">
        <v>130</v>
      </c>
      <c r="W12" s="47"/>
      <c r="X12" s="47"/>
      <c r="Y12" s="45" t="s">
        <v>130</v>
      </c>
      <c r="Z12" s="47"/>
      <c r="AA12" s="15" t="s">
        <v>147</v>
      </c>
      <c r="AB12" s="16" t="s">
        <v>135</v>
      </c>
      <c r="AC12" s="16" t="s">
        <v>129</v>
      </c>
      <c r="AD12" s="16" t="s">
        <v>129</v>
      </c>
      <c r="AE12" s="22"/>
      <c r="AF12" s="30"/>
      <c r="AG12" s="17" t="s">
        <v>229</v>
      </c>
    </row>
    <row r="13" spans="2:37" ht="36" customHeight="1" x14ac:dyDescent="0.2">
      <c r="B13" s="34">
        <v>10</v>
      </c>
      <c r="C13" s="33" t="s">
        <v>26</v>
      </c>
      <c r="D13" s="13"/>
      <c r="E13" s="13">
        <v>1</v>
      </c>
      <c r="F13" s="14" t="s">
        <v>251</v>
      </c>
      <c r="G13" s="14"/>
      <c r="H13" s="12" t="s">
        <v>34</v>
      </c>
      <c r="I13" s="18" t="s">
        <v>36</v>
      </c>
      <c r="J13" s="45" t="s">
        <v>130</v>
      </c>
      <c r="K13" s="45" t="s">
        <v>130</v>
      </c>
      <c r="L13" s="45" t="s">
        <v>130</v>
      </c>
      <c r="M13" s="45" t="s">
        <v>130</v>
      </c>
      <c r="N13" s="45" t="s">
        <v>130</v>
      </c>
      <c r="O13" s="45"/>
      <c r="P13" s="45"/>
      <c r="Q13" s="45"/>
      <c r="R13" s="45"/>
      <c r="S13" s="45"/>
      <c r="T13" s="45"/>
      <c r="U13" s="45"/>
      <c r="V13" s="45" t="s">
        <v>130</v>
      </c>
      <c r="W13" s="47"/>
      <c r="X13" s="47"/>
      <c r="Y13" s="45" t="s">
        <v>130</v>
      </c>
      <c r="Z13" s="47"/>
      <c r="AA13" s="15" t="s">
        <v>147</v>
      </c>
      <c r="AB13" s="16" t="s">
        <v>131</v>
      </c>
      <c r="AC13" s="16" t="s">
        <v>129</v>
      </c>
      <c r="AD13" s="16" t="s">
        <v>129</v>
      </c>
      <c r="AE13" s="22"/>
      <c r="AF13" s="30"/>
      <c r="AG13" s="17" t="s">
        <v>229</v>
      </c>
    </row>
    <row r="14" spans="2:37" ht="36" customHeight="1" x14ac:dyDescent="0.2">
      <c r="B14" s="34">
        <v>11</v>
      </c>
      <c r="C14" s="33" t="s">
        <v>26</v>
      </c>
      <c r="D14" s="13"/>
      <c r="E14" s="13">
        <v>1</v>
      </c>
      <c r="F14" s="14" t="s">
        <v>251</v>
      </c>
      <c r="G14" s="14"/>
      <c r="H14" s="12" t="s">
        <v>37</v>
      </c>
      <c r="I14" s="12" t="s">
        <v>38</v>
      </c>
      <c r="J14" s="45" t="s">
        <v>130</v>
      </c>
      <c r="K14" s="45" t="s">
        <v>130</v>
      </c>
      <c r="L14" s="45" t="s">
        <v>130</v>
      </c>
      <c r="M14" s="45" t="s">
        <v>130</v>
      </c>
      <c r="N14" s="45" t="s">
        <v>130</v>
      </c>
      <c r="O14" s="45" t="s">
        <v>130</v>
      </c>
      <c r="P14" s="45" t="s">
        <v>130</v>
      </c>
      <c r="Q14" s="45" t="s">
        <v>130</v>
      </c>
      <c r="R14" s="45" t="s">
        <v>130</v>
      </c>
      <c r="S14" s="45" t="s">
        <v>130</v>
      </c>
      <c r="T14" s="45" t="s">
        <v>130</v>
      </c>
      <c r="U14" s="45" t="s">
        <v>130</v>
      </c>
      <c r="V14" s="45" t="s">
        <v>130</v>
      </c>
      <c r="W14" s="45" t="s">
        <v>130</v>
      </c>
      <c r="X14" s="45" t="s">
        <v>130</v>
      </c>
      <c r="Y14" s="45" t="s">
        <v>130</v>
      </c>
      <c r="Z14" s="47"/>
      <c r="AA14" s="15" t="s">
        <v>148</v>
      </c>
      <c r="AB14" s="16" t="s">
        <v>135</v>
      </c>
      <c r="AC14" s="16" t="s">
        <v>135</v>
      </c>
      <c r="AD14" s="16" t="s">
        <v>135</v>
      </c>
      <c r="AE14" s="22"/>
      <c r="AF14" s="30"/>
      <c r="AG14" s="17" t="s">
        <v>247</v>
      </c>
      <c r="AI14" s="19"/>
    </row>
    <row r="15" spans="2:37" ht="36" customHeight="1" x14ac:dyDescent="0.2">
      <c r="B15" s="34">
        <v>12</v>
      </c>
      <c r="C15" s="33" t="s">
        <v>26</v>
      </c>
      <c r="D15" s="13"/>
      <c r="E15" s="13">
        <v>1</v>
      </c>
      <c r="F15" s="14" t="s">
        <v>251</v>
      </c>
      <c r="G15" s="14"/>
      <c r="H15" s="12" t="s">
        <v>37</v>
      </c>
      <c r="I15" s="12" t="s">
        <v>39</v>
      </c>
      <c r="J15" s="45" t="s">
        <v>130</v>
      </c>
      <c r="K15" s="45" t="s">
        <v>130</v>
      </c>
      <c r="L15" s="45" t="s">
        <v>130</v>
      </c>
      <c r="M15" s="45" t="s">
        <v>130</v>
      </c>
      <c r="N15" s="45" t="s">
        <v>130</v>
      </c>
      <c r="O15" s="45" t="s">
        <v>130</v>
      </c>
      <c r="P15" s="45" t="s">
        <v>130</v>
      </c>
      <c r="Q15" s="45" t="s">
        <v>130</v>
      </c>
      <c r="R15" s="45" t="s">
        <v>130</v>
      </c>
      <c r="S15" s="45" t="s">
        <v>130</v>
      </c>
      <c r="T15" s="45" t="s">
        <v>130</v>
      </c>
      <c r="U15" s="45" t="s">
        <v>130</v>
      </c>
      <c r="V15" s="45" t="s">
        <v>130</v>
      </c>
      <c r="W15" s="45" t="s">
        <v>130</v>
      </c>
      <c r="X15" s="45" t="s">
        <v>130</v>
      </c>
      <c r="Y15" s="45" t="s">
        <v>130</v>
      </c>
      <c r="Z15" s="47"/>
      <c r="AA15" s="15" t="s">
        <v>148</v>
      </c>
      <c r="AB15" s="16" t="s">
        <v>135</v>
      </c>
      <c r="AC15" s="16" t="s">
        <v>135</v>
      </c>
      <c r="AD15" s="16" t="s">
        <v>135</v>
      </c>
      <c r="AE15" s="22"/>
      <c r="AF15" s="30"/>
      <c r="AG15" s="17" t="s">
        <v>256</v>
      </c>
      <c r="AI15" s="19"/>
    </row>
    <row r="16" spans="2:37" ht="36" customHeight="1" x14ac:dyDescent="0.2">
      <c r="B16" s="34">
        <v>13</v>
      </c>
      <c r="C16" s="33" t="s">
        <v>26</v>
      </c>
      <c r="D16" s="13"/>
      <c r="E16" s="13">
        <v>1</v>
      </c>
      <c r="F16" s="14" t="s">
        <v>251</v>
      </c>
      <c r="G16" s="14"/>
      <c r="H16" s="18" t="s">
        <v>40</v>
      </c>
      <c r="I16" s="18" t="s">
        <v>257</v>
      </c>
      <c r="J16" s="45" t="s">
        <v>130</v>
      </c>
      <c r="K16" s="45" t="s">
        <v>130</v>
      </c>
      <c r="L16" s="45" t="s">
        <v>130</v>
      </c>
      <c r="M16" s="45"/>
      <c r="N16" s="45"/>
      <c r="O16" s="45" t="s">
        <v>130</v>
      </c>
      <c r="P16" s="45"/>
      <c r="Q16" s="45" t="s">
        <v>130</v>
      </c>
      <c r="R16" s="45" t="s">
        <v>130</v>
      </c>
      <c r="S16" s="45" t="s">
        <v>130</v>
      </c>
      <c r="T16" s="45"/>
      <c r="U16" s="45"/>
      <c r="V16" s="46"/>
      <c r="W16" s="47"/>
      <c r="X16" s="47"/>
      <c r="Y16" s="45" t="s">
        <v>130</v>
      </c>
      <c r="Z16" s="47"/>
      <c r="AA16" s="15" t="s">
        <v>147</v>
      </c>
      <c r="AB16" s="16" t="s">
        <v>135</v>
      </c>
      <c r="AC16" s="16" t="s">
        <v>136</v>
      </c>
      <c r="AD16" s="16" t="s">
        <v>136</v>
      </c>
      <c r="AE16" s="22"/>
      <c r="AF16" s="30" t="s">
        <v>230</v>
      </c>
      <c r="AG16" s="17" t="s">
        <v>231</v>
      </c>
      <c r="AI16" s="19"/>
    </row>
    <row r="17" spans="2:35" ht="36" customHeight="1" x14ac:dyDescent="0.2">
      <c r="B17" s="34">
        <v>14</v>
      </c>
      <c r="C17" s="33" t="s">
        <v>26</v>
      </c>
      <c r="D17" s="13"/>
      <c r="E17" s="13">
        <v>1</v>
      </c>
      <c r="F17" s="14" t="s">
        <v>251</v>
      </c>
      <c r="G17" s="14"/>
      <c r="H17" s="18" t="s">
        <v>41</v>
      </c>
      <c r="I17" s="18" t="s">
        <v>42</v>
      </c>
      <c r="J17" s="45"/>
      <c r="K17" s="45"/>
      <c r="L17" s="45"/>
      <c r="M17" s="45" t="s">
        <v>130</v>
      </c>
      <c r="N17" s="45" t="s">
        <v>130</v>
      </c>
      <c r="O17" s="45"/>
      <c r="P17" s="45"/>
      <c r="Q17" s="45"/>
      <c r="R17" s="45"/>
      <c r="S17" s="45"/>
      <c r="T17" s="45"/>
      <c r="U17" s="45"/>
      <c r="V17" s="46"/>
      <c r="W17" s="47"/>
      <c r="X17" s="45" t="s">
        <v>130</v>
      </c>
      <c r="Y17" s="45" t="s">
        <v>130</v>
      </c>
      <c r="Z17" s="47"/>
      <c r="AA17" s="15" t="s">
        <v>146</v>
      </c>
      <c r="AB17" s="16" t="s">
        <v>131</v>
      </c>
      <c r="AC17" s="16" t="s">
        <v>129</v>
      </c>
      <c r="AD17" s="16" t="s">
        <v>135</v>
      </c>
      <c r="AE17" s="22"/>
      <c r="AF17" s="30" t="s">
        <v>232</v>
      </c>
      <c r="AG17" s="17" t="s">
        <v>233</v>
      </c>
      <c r="AI17" s="19"/>
    </row>
    <row r="18" spans="2:35" ht="36" customHeight="1" x14ac:dyDescent="0.2">
      <c r="B18" s="34">
        <v>15</v>
      </c>
      <c r="C18" s="33" t="s">
        <v>26</v>
      </c>
      <c r="D18" s="13"/>
      <c r="E18" s="13">
        <v>1</v>
      </c>
      <c r="F18" s="14" t="s">
        <v>251</v>
      </c>
      <c r="G18" s="14"/>
      <c r="H18" s="18" t="s">
        <v>41</v>
      </c>
      <c r="I18" s="12" t="s">
        <v>258</v>
      </c>
      <c r="J18" s="45"/>
      <c r="K18" s="45"/>
      <c r="L18" s="45"/>
      <c r="M18" s="45"/>
      <c r="N18" s="45" t="s">
        <v>130</v>
      </c>
      <c r="O18" s="45"/>
      <c r="P18" s="45"/>
      <c r="Q18" s="45"/>
      <c r="R18" s="45"/>
      <c r="S18" s="45"/>
      <c r="T18" s="45"/>
      <c r="U18" s="45"/>
      <c r="V18" s="47"/>
      <c r="W18" s="45" t="s">
        <v>130</v>
      </c>
      <c r="X18" s="47"/>
      <c r="Y18" s="45" t="s">
        <v>130</v>
      </c>
      <c r="Z18" s="47" t="s">
        <v>143</v>
      </c>
      <c r="AA18" s="15" t="s">
        <v>147</v>
      </c>
      <c r="AB18" s="16" t="s">
        <v>135</v>
      </c>
      <c r="AC18" s="16" t="s">
        <v>129</v>
      </c>
      <c r="AD18" s="16" t="s">
        <v>136</v>
      </c>
      <c r="AE18" s="22"/>
      <c r="AF18" s="30" t="s">
        <v>234</v>
      </c>
      <c r="AG18" s="17">
        <v>12.13</v>
      </c>
    </row>
    <row r="19" spans="2:35" ht="36" customHeight="1" x14ac:dyDescent="0.2">
      <c r="B19" s="34">
        <v>16</v>
      </c>
      <c r="C19" s="33" t="s">
        <v>26</v>
      </c>
      <c r="D19" s="13"/>
      <c r="E19" s="13">
        <v>1</v>
      </c>
      <c r="F19" s="14" t="s">
        <v>251</v>
      </c>
      <c r="G19" s="14"/>
      <c r="H19" s="35" t="s">
        <v>43</v>
      </c>
      <c r="I19" s="12" t="s">
        <v>259</v>
      </c>
      <c r="J19" s="45" t="s">
        <v>130</v>
      </c>
      <c r="K19" s="45" t="s">
        <v>130</v>
      </c>
      <c r="L19" s="45" t="s">
        <v>130</v>
      </c>
      <c r="M19" s="45" t="s">
        <v>130</v>
      </c>
      <c r="N19" s="45"/>
      <c r="O19" s="45"/>
      <c r="P19" s="45"/>
      <c r="Q19" s="45"/>
      <c r="R19" s="45"/>
      <c r="S19" s="45"/>
      <c r="T19" s="45"/>
      <c r="U19" s="45"/>
      <c r="V19" s="45" t="s">
        <v>130</v>
      </c>
      <c r="W19" s="45" t="s">
        <v>130</v>
      </c>
      <c r="X19" s="45" t="s">
        <v>130</v>
      </c>
      <c r="Y19" s="45" t="s">
        <v>130</v>
      </c>
      <c r="Z19" s="47"/>
      <c r="AA19" s="15" t="s">
        <v>147</v>
      </c>
      <c r="AB19" s="16" t="s">
        <v>133</v>
      </c>
      <c r="AC19" s="16" t="s">
        <v>136</v>
      </c>
      <c r="AD19" s="16" t="s">
        <v>135</v>
      </c>
      <c r="AE19" s="22" t="s">
        <v>235</v>
      </c>
      <c r="AF19" s="30" t="s">
        <v>237</v>
      </c>
      <c r="AG19" s="17" t="s">
        <v>236</v>
      </c>
    </row>
    <row r="20" spans="2:35" ht="36" customHeight="1" x14ac:dyDescent="0.2">
      <c r="B20" s="34">
        <v>17</v>
      </c>
      <c r="C20" s="33" t="s">
        <v>26</v>
      </c>
      <c r="D20" s="13"/>
      <c r="E20" s="13">
        <v>1</v>
      </c>
      <c r="F20" s="14" t="s">
        <v>251</v>
      </c>
      <c r="G20" s="14"/>
      <c r="H20" s="12" t="s">
        <v>44</v>
      </c>
      <c r="I20" s="12" t="s">
        <v>45</v>
      </c>
      <c r="J20" s="45"/>
      <c r="K20" s="45"/>
      <c r="L20" s="45" t="s">
        <v>130</v>
      </c>
      <c r="M20" s="45" t="s">
        <v>130</v>
      </c>
      <c r="N20" s="45" t="s">
        <v>130</v>
      </c>
      <c r="O20" s="45"/>
      <c r="P20" s="45"/>
      <c r="Q20" s="45"/>
      <c r="R20" s="45" t="s">
        <v>130</v>
      </c>
      <c r="S20" s="45" t="s">
        <v>130</v>
      </c>
      <c r="T20" s="45" t="s">
        <v>130</v>
      </c>
      <c r="U20" s="45"/>
      <c r="V20" s="45" t="s">
        <v>130</v>
      </c>
      <c r="W20" s="45" t="s">
        <v>130</v>
      </c>
      <c r="X20" s="47"/>
      <c r="Y20" s="45" t="s">
        <v>130</v>
      </c>
      <c r="Z20" s="47"/>
      <c r="AA20" s="15" t="s">
        <v>147</v>
      </c>
      <c r="AB20" s="16" t="s">
        <v>131</v>
      </c>
      <c r="AC20" s="16" t="s">
        <v>135</v>
      </c>
      <c r="AD20" s="16"/>
      <c r="AE20" s="22"/>
      <c r="AF20" s="30"/>
      <c r="AG20" s="17" t="s">
        <v>238</v>
      </c>
    </row>
    <row r="21" spans="2:35" ht="36" customHeight="1" x14ac:dyDescent="0.2">
      <c r="B21" s="34">
        <v>18</v>
      </c>
      <c r="C21" s="33" t="s">
        <v>26</v>
      </c>
      <c r="D21" s="13"/>
      <c r="E21" s="13">
        <v>1</v>
      </c>
      <c r="F21" s="14" t="s">
        <v>251</v>
      </c>
      <c r="G21" s="14"/>
      <c r="H21" s="12" t="s">
        <v>44</v>
      </c>
      <c r="I21" s="12" t="s">
        <v>46</v>
      </c>
      <c r="J21" s="45"/>
      <c r="K21" s="45"/>
      <c r="L21" s="45" t="s">
        <v>130</v>
      </c>
      <c r="M21" s="45" t="s">
        <v>130</v>
      </c>
      <c r="N21" s="45" t="s">
        <v>130</v>
      </c>
      <c r="O21" s="45"/>
      <c r="P21" s="45"/>
      <c r="Q21" s="45"/>
      <c r="R21" s="45" t="s">
        <v>130</v>
      </c>
      <c r="S21" s="45" t="s">
        <v>130</v>
      </c>
      <c r="T21" s="45" t="s">
        <v>130</v>
      </c>
      <c r="U21" s="45"/>
      <c r="V21" s="45" t="s">
        <v>130</v>
      </c>
      <c r="W21" s="45" t="s">
        <v>130</v>
      </c>
      <c r="X21" s="47"/>
      <c r="Y21" s="45" t="s">
        <v>130</v>
      </c>
      <c r="Z21" s="47"/>
      <c r="AA21" s="15" t="s">
        <v>147</v>
      </c>
      <c r="AB21" s="16" t="s">
        <v>131</v>
      </c>
      <c r="AC21" s="16" t="s">
        <v>135</v>
      </c>
      <c r="AD21" s="16" t="s">
        <v>135</v>
      </c>
      <c r="AE21" s="22"/>
      <c r="AF21" s="30"/>
      <c r="AG21" s="17" t="s">
        <v>239</v>
      </c>
    </row>
    <row r="22" spans="2:35" ht="36" customHeight="1" x14ac:dyDescent="0.2">
      <c r="B22" s="34">
        <v>19</v>
      </c>
      <c r="C22" s="33" t="s">
        <v>26</v>
      </c>
      <c r="D22" s="13"/>
      <c r="E22" s="13">
        <v>1</v>
      </c>
      <c r="F22" s="14" t="s">
        <v>251</v>
      </c>
      <c r="G22" s="14"/>
      <c r="H22" s="12" t="s">
        <v>47</v>
      </c>
      <c r="I22" s="12" t="s">
        <v>48</v>
      </c>
      <c r="J22" s="45"/>
      <c r="K22" s="45"/>
      <c r="L22" s="45" t="s">
        <v>130</v>
      </c>
      <c r="M22" s="45" t="s">
        <v>130</v>
      </c>
      <c r="N22" s="45" t="s">
        <v>130</v>
      </c>
      <c r="O22" s="45" t="s">
        <v>130</v>
      </c>
      <c r="P22" s="45"/>
      <c r="Q22" s="45"/>
      <c r="R22" s="45" t="s">
        <v>130</v>
      </c>
      <c r="S22" s="45" t="s">
        <v>130</v>
      </c>
      <c r="T22" s="45"/>
      <c r="U22" s="45" t="s">
        <v>130</v>
      </c>
      <c r="V22" s="47"/>
      <c r="W22" s="45" t="s">
        <v>130</v>
      </c>
      <c r="X22" s="45" t="s">
        <v>130</v>
      </c>
      <c r="Y22" s="45" t="s">
        <v>130</v>
      </c>
      <c r="Z22" s="47"/>
      <c r="AA22" s="15" t="s">
        <v>147</v>
      </c>
      <c r="AB22" s="16" t="s">
        <v>131</v>
      </c>
      <c r="AC22" s="16" t="s">
        <v>129</v>
      </c>
      <c r="AD22" s="16" t="s">
        <v>135</v>
      </c>
      <c r="AE22" s="22"/>
      <c r="AF22" s="30" t="s">
        <v>218</v>
      </c>
      <c r="AG22" s="17" t="s">
        <v>219</v>
      </c>
    </row>
    <row r="23" spans="2:35" ht="36" customHeight="1" x14ac:dyDescent="0.2">
      <c r="B23" s="34">
        <v>20</v>
      </c>
      <c r="C23" s="33" t="s">
        <v>26</v>
      </c>
      <c r="D23" s="13"/>
      <c r="E23" s="13">
        <v>1</v>
      </c>
      <c r="F23" s="14" t="s">
        <v>251</v>
      </c>
      <c r="G23" s="14"/>
      <c r="H23" s="12" t="s">
        <v>47</v>
      </c>
      <c r="I23" s="12" t="s">
        <v>49</v>
      </c>
      <c r="J23" s="45"/>
      <c r="K23" s="45" t="s">
        <v>130</v>
      </c>
      <c r="L23" s="45" t="s">
        <v>130</v>
      </c>
      <c r="M23" s="45" t="s">
        <v>130</v>
      </c>
      <c r="N23" s="45" t="s">
        <v>130</v>
      </c>
      <c r="O23" s="45"/>
      <c r="P23" s="45"/>
      <c r="Q23" s="45"/>
      <c r="R23" s="45"/>
      <c r="S23" s="45"/>
      <c r="T23" s="45"/>
      <c r="U23" s="45"/>
      <c r="V23" s="45" t="s">
        <v>130</v>
      </c>
      <c r="W23" s="45" t="s">
        <v>130</v>
      </c>
      <c r="X23" s="47"/>
      <c r="Y23" s="45" t="s">
        <v>130</v>
      </c>
      <c r="Z23" s="47"/>
      <c r="AA23" s="15" t="s">
        <v>147</v>
      </c>
      <c r="AB23" s="16" t="s">
        <v>131</v>
      </c>
      <c r="AC23" s="16" t="s">
        <v>136</v>
      </c>
      <c r="AD23" s="16" t="s">
        <v>135</v>
      </c>
      <c r="AE23" s="22"/>
      <c r="AF23" s="30" t="s">
        <v>217</v>
      </c>
      <c r="AG23" s="17" t="s">
        <v>208</v>
      </c>
    </row>
    <row r="24" spans="2:35" ht="36" customHeight="1" x14ac:dyDescent="0.2">
      <c r="B24" s="34">
        <v>21</v>
      </c>
      <c r="C24" s="33" t="s">
        <v>26</v>
      </c>
      <c r="D24" s="13"/>
      <c r="E24" s="13">
        <v>1</v>
      </c>
      <c r="F24" s="14" t="s">
        <v>251</v>
      </c>
      <c r="G24" s="14"/>
      <c r="H24" s="12" t="s">
        <v>50</v>
      </c>
      <c r="I24" s="12" t="s">
        <v>51</v>
      </c>
      <c r="J24" s="45"/>
      <c r="K24" s="45" t="s">
        <v>130</v>
      </c>
      <c r="L24" s="45" t="s">
        <v>130</v>
      </c>
      <c r="M24" s="45"/>
      <c r="N24" s="45"/>
      <c r="O24" s="45"/>
      <c r="P24" s="45"/>
      <c r="Q24" s="45"/>
      <c r="R24" s="45"/>
      <c r="S24" s="45"/>
      <c r="T24" s="45"/>
      <c r="U24" s="45"/>
      <c r="V24" s="47"/>
      <c r="W24" s="45" t="s">
        <v>130</v>
      </c>
      <c r="X24" s="45" t="s">
        <v>130</v>
      </c>
      <c r="Y24" s="45" t="s">
        <v>130</v>
      </c>
      <c r="Z24" s="47"/>
      <c r="AA24" s="15" t="s">
        <v>147</v>
      </c>
      <c r="AB24" s="16" t="s">
        <v>133</v>
      </c>
      <c r="AC24" s="16" t="s">
        <v>136</v>
      </c>
      <c r="AD24" s="16" t="s">
        <v>135</v>
      </c>
      <c r="AE24" s="22"/>
      <c r="AF24" s="30" t="s">
        <v>163</v>
      </c>
      <c r="AG24" s="17" t="s">
        <v>216</v>
      </c>
    </row>
    <row r="25" spans="2:35" ht="36" customHeight="1" x14ac:dyDescent="0.2">
      <c r="B25" s="34">
        <v>22</v>
      </c>
      <c r="C25" s="33" t="s">
        <v>26</v>
      </c>
      <c r="D25" s="13"/>
      <c r="E25" s="13">
        <v>1</v>
      </c>
      <c r="F25" s="14" t="s">
        <v>251</v>
      </c>
      <c r="G25" s="14"/>
      <c r="H25" s="12" t="s">
        <v>52</v>
      </c>
      <c r="I25" s="12" t="s">
        <v>53</v>
      </c>
      <c r="J25" s="45"/>
      <c r="K25" s="45" t="s">
        <v>130</v>
      </c>
      <c r="L25" s="45" t="s">
        <v>130</v>
      </c>
      <c r="M25" s="45" t="s">
        <v>130</v>
      </c>
      <c r="N25" s="45"/>
      <c r="O25" s="45"/>
      <c r="P25" s="45"/>
      <c r="Q25" s="45"/>
      <c r="R25" s="45"/>
      <c r="S25" s="45"/>
      <c r="T25" s="45"/>
      <c r="U25" s="45"/>
      <c r="V25" s="45" t="s">
        <v>130</v>
      </c>
      <c r="W25" s="47"/>
      <c r="X25" s="47"/>
      <c r="Y25" s="45" t="s">
        <v>130</v>
      </c>
      <c r="Z25" s="47"/>
      <c r="AA25" s="15" t="s">
        <v>147</v>
      </c>
      <c r="AB25" s="16" t="s">
        <v>133</v>
      </c>
      <c r="AC25" s="16" t="s">
        <v>136</v>
      </c>
      <c r="AD25" s="16" t="s">
        <v>136</v>
      </c>
      <c r="AE25" s="22" t="s">
        <v>280</v>
      </c>
      <c r="AF25" s="30" t="s">
        <v>215</v>
      </c>
      <c r="AG25" s="17">
        <v>13.15</v>
      </c>
    </row>
    <row r="26" spans="2:35" ht="36" customHeight="1" x14ac:dyDescent="0.2">
      <c r="B26" s="34">
        <v>23</v>
      </c>
      <c r="C26" s="33" t="s">
        <v>26</v>
      </c>
      <c r="D26" s="13"/>
      <c r="E26" s="13">
        <v>1</v>
      </c>
      <c r="F26" s="14" t="s">
        <v>251</v>
      </c>
      <c r="G26" s="14"/>
      <c r="H26" s="12" t="s">
        <v>52</v>
      </c>
      <c r="I26" s="12" t="s">
        <v>54</v>
      </c>
      <c r="J26" s="45"/>
      <c r="K26" s="45" t="s">
        <v>130</v>
      </c>
      <c r="L26" s="45" t="s">
        <v>130</v>
      </c>
      <c r="M26" s="45" t="s">
        <v>130</v>
      </c>
      <c r="N26" s="45"/>
      <c r="O26" s="45"/>
      <c r="P26" s="45"/>
      <c r="Q26" s="45"/>
      <c r="R26" s="45"/>
      <c r="S26" s="45"/>
      <c r="T26" s="45"/>
      <c r="U26" s="45"/>
      <c r="V26" s="45" t="s">
        <v>130</v>
      </c>
      <c r="W26" s="47"/>
      <c r="X26" s="47"/>
      <c r="Y26" s="45" t="s">
        <v>130</v>
      </c>
      <c r="Z26" s="47"/>
      <c r="AA26" s="15" t="s">
        <v>147</v>
      </c>
      <c r="AB26" s="16" t="s">
        <v>133</v>
      </c>
      <c r="AC26" s="16" t="s">
        <v>136</v>
      </c>
      <c r="AD26" s="16" t="s">
        <v>136</v>
      </c>
      <c r="AE26" s="22" t="s">
        <v>279</v>
      </c>
      <c r="AF26" s="30" t="s">
        <v>215</v>
      </c>
      <c r="AG26" s="17">
        <v>13</v>
      </c>
      <c r="AI26" s="19"/>
    </row>
    <row r="27" spans="2:35" ht="36" customHeight="1" x14ac:dyDescent="0.2">
      <c r="B27" s="34">
        <v>24</v>
      </c>
      <c r="C27" s="33" t="s">
        <v>26</v>
      </c>
      <c r="D27" s="13"/>
      <c r="E27" s="13">
        <v>1</v>
      </c>
      <c r="F27" s="14" t="s">
        <v>251</v>
      </c>
      <c r="G27" s="14"/>
      <c r="H27" s="18" t="s">
        <v>55</v>
      </c>
      <c r="I27" s="18" t="s">
        <v>56</v>
      </c>
      <c r="J27" s="45"/>
      <c r="K27" s="45" t="s">
        <v>130</v>
      </c>
      <c r="L27" s="45" t="s">
        <v>130</v>
      </c>
      <c r="M27" s="45" t="s">
        <v>130</v>
      </c>
      <c r="N27" s="45"/>
      <c r="O27" s="45"/>
      <c r="P27" s="45"/>
      <c r="Q27" s="45"/>
      <c r="R27" s="45"/>
      <c r="S27" s="45"/>
      <c r="T27" s="45"/>
      <c r="U27" s="45"/>
      <c r="V27" s="45" t="s">
        <v>130</v>
      </c>
      <c r="W27" s="45" t="s">
        <v>130</v>
      </c>
      <c r="X27" s="45" t="s">
        <v>130</v>
      </c>
      <c r="Y27" s="45" t="s">
        <v>130</v>
      </c>
      <c r="Z27" s="47"/>
      <c r="AA27" s="15" t="s">
        <v>147</v>
      </c>
      <c r="AB27" s="16" t="s">
        <v>133</v>
      </c>
      <c r="AC27" s="16" t="s">
        <v>129</v>
      </c>
      <c r="AD27" s="16" t="s">
        <v>135</v>
      </c>
      <c r="AE27" s="22"/>
      <c r="AF27" s="30" t="s">
        <v>213</v>
      </c>
      <c r="AG27" s="17" t="s">
        <v>214</v>
      </c>
    </row>
    <row r="28" spans="2:35" ht="36" customHeight="1" x14ac:dyDescent="0.2">
      <c r="B28" s="34">
        <v>25</v>
      </c>
      <c r="C28" s="33" t="s">
        <v>26</v>
      </c>
      <c r="D28" s="13"/>
      <c r="E28" s="13">
        <v>1</v>
      </c>
      <c r="F28" s="14" t="s">
        <v>251</v>
      </c>
      <c r="G28" s="14"/>
      <c r="H28" s="18" t="s">
        <v>55</v>
      </c>
      <c r="I28" s="12" t="s">
        <v>260</v>
      </c>
      <c r="J28" s="45"/>
      <c r="K28" s="45"/>
      <c r="L28" s="45"/>
      <c r="M28" s="45" t="s">
        <v>130</v>
      </c>
      <c r="N28" s="45"/>
      <c r="O28" s="45"/>
      <c r="P28" s="45"/>
      <c r="Q28" s="45"/>
      <c r="R28" s="45"/>
      <c r="S28" s="45"/>
      <c r="T28" s="45"/>
      <c r="U28" s="45"/>
      <c r="V28" s="45" t="s">
        <v>130</v>
      </c>
      <c r="W28" s="47"/>
      <c r="X28" s="47"/>
      <c r="Y28" s="45" t="s">
        <v>130</v>
      </c>
      <c r="Z28" s="47"/>
      <c r="AA28" s="15" t="s">
        <v>147</v>
      </c>
      <c r="AB28" s="16" t="s">
        <v>133</v>
      </c>
      <c r="AC28" s="16" t="s">
        <v>129</v>
      </c>
      <c r="AD28" s="16" t="s">
        <v>135</v>
      </c>
      <c r="AE28" s="22"/>
      <c r="AF28" s="30" t="s">
        <v>213</v>
      </c>
      <c r="AG28" s="17" t="s">
        <v>214</v>
      </c>
    </row>
    <row r="29" spans="2:35" ht="36" customHeight="1" x14ac:dyDescent="0.2">
      <c r="B29" s="34">
        <v>26</v>
      </c>
      <c r="C29" s="33" t="s">
        <v>26</v>
      </c>
      <c r="D29" s="13"/>
      <c r="E29" s="13">
        <v>1</v>
      </c>
      <c r="F29" s="14" t="s">
        <v>251</v>
      </c>
      <c r="G29" s="14"/>
      <c r="H29" s="12" t="s">
        <v>57</v>
      </c>
      <c r="I29" s="12" t="s">
        <v>58</v>
      </c>
      <c r="J29" s="45" t="s">
        <v>130</v>
      </c>
      <c r="K29" s="45" t="s">
        <v>130</v>
      </c>
      <c r="L29" s="45" t="s">
        <v>130</v>
      </c>
      <c r="M29" s="45" t="s">
        <v>130</v>
      </c>
      <c r="N29" s="45"/>
      <c r="O29" s="45"/>
      <c r="P29" s="45"/>
      <c r="Q29" s="45"/>
      <c r="R29" s="45"/>
      <c r="S29" s="45"/>
      <c r="T29" s="45"/>
      <c r="U29" s="45"/>
      <c r="V29" s="45" t="s">
        <v>130</v>
      </c>
      <c r="W29" s="47"/>
      <c r="X29" s="47"/>
      <c r="Y29" s="45" t="s">
        <v>130</v>
      </c>
      <c r="Z29" s="47"/>
      <c r="AA29" s="15" t="s">
        <v>147</v>
      </c>
      <c r="AB29" s="16" t="s">
        <v>135</v>
      </c>
      <c r="AC29" s="16" t="s">
        <v>136</v>
      </c>
      <c r="AD29" s="16" t="s">
        <v>136</v>
      </c>
      <c r="AE29" s="22"/>
      <c r="AF29" s="30"/>
      <c r="AG29" s="17">
        <v>7.13</v>
      </c>
    </row>
    <row r="30" spans="2:35" ht="36" customHeight="1" x14ac:dyDescent="0.2">
      <c r="B30" s="34">
        <v>27</v>
      </c>
      <c r="C30" s="32" t="s">
        <v>22</v>
      </c>
      <c r="D30" s="13"/>
      <c r="E30" s="13">
        <v>2</v>
      </c>
      <c r="F30" s="14" t="s">
        <v>59</v>
      </c>
      <c r="G30" s="14"/>
      <c r="H30" s="18" t="s">
        <v>241</v>
      </c>
      <c r="I30" s="18" t="s">
        <v>261</v>
      </c>
      <c r="J30" s="45"/>
      <c r="K30" s="45"/>
      <c r="L30" s="45" t="s">
        <v>130</v>
      </c>
      <c r="M30" s="45" t="s">
        <v>130</v>
      </c>
      <c r="N30" s="45"/>
      <c r="O30" s="45"/>
      <c r="P30" s="45"/>
      <c r="Q30" s="45"/>
      <c r="R30" s="45"/>
      <c r="S30" s="45"/>
      <c r="T30" s="45"/>
      <c r="U30" s="45"/>
      <c r="V30" s="46"/>
      <c r="W30" s="47"/>
      <c r="X30" s="45" t="s">
        <v>130</v>
      </c>
      <c r="Y30" s="45" t="s">
        <v>130</v>
      </c>
      <c r="Z30" s="47"/>
      <c r="AA30" s="15" t="s">
        <v>146</v>
      </c>
      <c r="AB30" s="16" t="s">
        <v>131</v>
      </c>
      <c r="AC30" s="16" t="s">
        <v>136</v>
      </c>
      <c r="AD30" s="16" t="s">
        <v>136</v>
      </c>
      <c r="AE30" s="22"/>
      <c r="AF30" s="30" t="s">
        <v>209</v>
      </c>
      <c r="AG30" s="17" t="s">
        <v>211</v>
      </c>
      <c r="AI30" s="19"/>
    </row>
    <row r="31" spans="2:35" ht="36" customHeight="1" x14ac:dyDescent="0.2">
      <c r="B31" s="34">
        <v>28</v>
      </c>
      <c r="C31" s="32" t="s">
        <v>22</v>
      </c>
      <c r="D31" s="13"/>
      <c r="E31" s="13">
        <v>2</v>
      </c>
      <c r="F31" s="14" t="s">
        <v>59</v>
      </c>
      <c r="G31" s="14"/>
      <c r="H31" s="18" t="s">
        <v>241</v>
      </c>
      <c r="I31" s="18" t="s">
        <v>61</v>
      </c>
      <c r="J31" s="45"/>
      <c r="K31" s="45"/>
      <c r="L31" s="45" t="s">
        <v>130</v>
      </c>
      <c r="M31" s="45" t="s">
        <v>130</v>
      </c>
      <c r="N31" s="45"/>
      <c r="O31" s="45"/>
      <c r="P31" s="45"/>
      <c r="Q31" s="45"/>
      <c r="R31" s="45"/>
      <c r="S31" s="45"/>
      <c r="T31" s="45"/>
      <c r="U31" s="45"/>
      <c r="V31" s="47"/>
      <c r="W31" s="45" t="s">
        <v>130</v>
      </c>
      <c r="X31" s="47"/>
      <c r="Y31" s="45" t="s">
        <v>130</v>
      </c>
      <c r="Z31" s="47"/>
      <c r="AA31" s="15" t="s">
        <v>146</v>
      </c>
      <c r="AB31" s="16" t="s">
        <v>131</v>
      </c>
      <c r="AC31" s="16" t="s">
        <v>136</v>
      </c>
      <c r="AD31" s="16" t="s">
        <v>136</v>
      </c>
      <c r="AE31" s="22"/>
      <c r="AF31" s="30" t="s">
        <v>209</v>
      </c>
      <c r="AG31" s="17" t="s">
        <v>210</v>
      </c>
    </row>
    <row r="32" spans="2:35" ht="36" customHeight="1" x14ac:dyDescent="0.2">
      <c r="B32" s="34">
        <v>29</v>
      </c>
      <c r="C32" s="32" t="s">
        <v>22</v>
      </c>
      <c r="D32" s="13"/>
      <c r="E32" s="13">
        <v>2</v>
      </c>
      <c r="F32" s="14" t="s">
        <v>59</v>
      </c>
      <c r="G32" s="14"/>
      <c r="H32" s="18" t="s">
        <v>241</v>
      </c>
      <c r="I32" s="18" t="s">
        <v>62</v>
      </c>
      <c r="J32" s="45"/>
      <c r="K32" s="45"/>
      <c r="L32" s="45" t="s">
        <v>130</v>
      </c>
      <c r="M32" s="45" t="s">
        <v>130</v>
      </c>
      <c r="N32" s="45"/>
      <c r="O32" s="45"/>
      <c r="P32" s="45"/>
      <c r="Q32" s="45"/>
      <c r="R32" s="45"/>
      <c r="S32" s="45"/>
      <c r="T32" s="45"/>
      <c r="U32" s="45"/>
      <c r="V32" s="45" t="s">
        <v>130</v>
      </c>
      <c r="W32" s="47"/>
      <c r="X32" s="47"/>
      <c r="Y32" s="45" t="s">
        <v>130</v>
      </c>
      <c r="Z32" s="47"/>
      <c r="AA32" s="15" t="s">
        <v>149</v>
      </c>
      <c r="AB32" s="16" t="s">
        <v>131</v>
      </c>
      <c r="AC32" s="16" t="s">
        <v>136</v>
      </c>
      <c r="AD32" s="21" t="s">
        <v>136</v>
      </c>
      <c r="AE32" s="22"/>
      <c r="AF32" s="30" t="s">
        <v>209</v>
      </c>
      <c r="AG32" s="17" t="s">
        <v>210</v>
      </c>
      <c r="AI32" s="20"/>
    </row>
    <row r="33" spans="2:37" ht="36" customHeight="1" x14ac:dyDescent="0.2">
      <c r="B33" s="34">
        <v>30</v>
      </c>
      <c r="C33" s="33" t="s">
        <v>26</v>
      </c>
      <c r="D33" s="13"/>
      <c r="E33" s="13">
        <v>2</v>
      </c>
      <c r="F33" s="14" t="s">
        <v>59</v>
      </c>
      <c r="G33" s="14"/>
      <c r="H33" s="18" t="s">
        <v>24</v>
      </c>
      <c r="I33" s="18" t="s">
        <v>63</v>
      </c>
      <c r="J33" s="45"/>
      <c r="K33" s="45" t="s">
        <v>130</v>
      </c>
      <c r="L33" s="45" t="s">
        <v>130</v>
      </c>
      <c r="M33" s="45" t="s">
        <v>130</v>
      </c>
      <c r="N33" s="45"/>
      <c r="O33" s="45"/>
      <c r="P33" s="45"/>
      <c r="Q33" s="45"/>
      <c r="R33" s="45"/>
      <c r="S33" s="45"/>
      <c r="T33" s="45"/>
      <c r="U33" s="45"/>
      <c r="V33" s="45" t="s">
        <v>130</v>
      </c>
      <c r="W33" s="45" t="s">
        <v>130</v>
      </c>
      <c r="X33" s="45" t="s">
        <v>130</v>
      </c>
      <c r="Y33" s="45" t="s">
        <v>130</v>
      </c>
      <c r="Z33" s="47"/>
      <c r="AA33" s="15" t="s">
        <v>147</v>
      </c>
      <c r="AB33" s="16" t="s">
        <v>133</v>
      </c>
      <c r="AC33" s="16" t="s">
        <v>129</v>
      </c>
      <c r="AD33" s="16" t="s">
        <v>135</v>
      </c>
      <c r="AE33" s="22"/>
      <c r="AF33" s="30"/>
      <c r="AG33" s="17">
        <v>7.13</v>
      </c>
    </row>
    <row r="34" spans="2:37" ht="36" customHeight="1" x14ac:dyDescent="0.2">
      <c r="B34" s="34">
        <v>31</v>
      </c>
      <c r="C34" s="33" t="s">
        <v>26</v>
      </c>
      <c r="D34" s="13"/>
      <c r="E34" s="13">
        <v>2</v>
      </c>
      <c r="F34" s="14" t="s">
        <v>59</v>
      </c>
      <c r="G34" s="14"/>
      <c r="H34" s="18" t="s">
        <v>31</v>
      </c>
      <c r="I34" s="12" t="s">
        <v>64</v>
      </c>
      <c r="J34" s="45"/>
      <c r="K34" s="45" t="s">
        <v>130</v>
      </c>
      <c r="L34" s="45" t="s">
        <v>130</v>
      </c>
      <c r="M34" s="45" t="s">
        <v>130</v>
      </c>
      <c r="N34" s="45"/>
      <c r="O34" s="45"/>
      <c r="P34" s="45"/>
      <c r="Q34" s="45"/>
      <c r="R34" s="45"/>
      <c r="S34" s="45"/>
      <c r="T34" s="45"/>
      <c r="U34" s="45"/>
      <c r="V34" s="45" t="s">
        <v>130</v>
      </c>
      <c r="W34" s="45" t="s">
        <v>130</v>
      </c>
      <c r="X34" s="47"/>
      <c r="Y34" s="45" t="s">
        <v>130</v>
      </c>
      <c r="Z34" s="47"/>
      <c r="AA34" s="15" t="s">
        <v>147</v>
      </c>
      <c r="AB34" s="16" t="s">
        <v>133</v>
      </c>
      <c r="AC34" s="16" t="s">
        <v>135</v>
      </c>
      <c r="AD34" s="16" t="s">
        <v>135</v>
      </c>
      <c r="AE34" s="22"/>
      <c r="AF34" s="30"/>
      <c r="AG34" s="17">
        <v>7.13</v>
      </c>
    </row>
    <row r="35" spans="2:37" ht="36" customHeight="1" x14ac:dyDescent="0.2">
      <c r="B35" s="34">
        <v>32</v>
      </c>
      <c r="C35" s="33" t="s">
        <v>26</v>
      </c>
      <c r="D35" s="13"/>
      <c r="E35" s="13">
        <v>2</v>
      </c>
      <c r="F35" s="14" t="s">
        <v>59</v>
      </c>
      <c r="G35" s="14"/>
      <c r="H35" s="12" t="s">
        <v>37</v>
      </c>
      <c r="I35" s="12" t="s">
        <v>65</v>
      </c>
      <c r="J35" s="45" t="s">
        <v>130</v>
      </c>
      <c r="K35" s="45" t="s">
        <v>130</v>
      </c>
      <c r="L35" s="45" t="s">
        <v>130</v>
      </c>
      <c r="M35" s="45" t="s">
        <v>130</v>
      </c>
      <c r="N35" s="45" t="s">
        <v>130</v>
      </c>
      <c r="O35" s="45" t="s">
        <v>130</v>
      </c>
      <c r="P35" s="45" t="s">
        <v>130</v>
      </c>
      <c r="Q35" s="45" t="s">
        <v>130</v>
      </c>
      <c r="R35" s="45" t="s">
        <v>130</v>
      </c>
      <c r="S35" s="45" t="s">
        <v>130</v>
      </c>
      <c r="T35" s="45" t="s">
        <v>130</v>
      </c>
      <c r="U35" s="45" t="s">
        <v>130</v>
      </c>
      <c r="V35" s="45" t="s">
        <v>130</v>
      </c>
      <c r="W35" s="45" t="s">
        <v>130</v>
      </c>
      <c r="X35" s="45" t="s">
        <v>130</v>
      </c>
      <c r="Y35" s="45" t="s">
        <v>130</v>
      </c>
      <c r="Z35" s="47"/>
      <c r="AA35" s="15" t="s">
        <v>148</v>
      </c>
      <c r="AB35" s="16" t="s">
        <v>135</v>
      </c>
      <c r="AC35" s="16" t="s">
        <v>135</v>
      </c>
      <c r="AD35" s="16" t="s">
        <v>135</v>
      </c>
      <c r="AE35" s="22"/>
      <c r="AF35" s="30"/>
      <c r="AG35" s="17" t="s">
        <v>262</v>
      </c>
    </row>
    <row r="36" spans="2:37" ht="36" customHeight="1" x14ac:dyDescent="0.2">
      <c r="B36" s="34">
        <v>33</v>
      </c>
      <c r="C36" s="33" t="s">
        <v>26</v>
      </c>
      <c r="D36" s="13"/>
      <c r="E36" s="13">
        <v>2</v>
      </c>
      <c r="F36" s="14" t="s">
        <v>59</v>
      </c>
      <c r="G36" s="14"/>
      <c r="H36" s="12" t="s">
        <v>37</v>
      </c>
      <c r="I36" s="12" t="s">
        <v>66</v>
      </c>
      <c r="J36" s="45" t="s">
        <v>130</v>
      </c>
      <c r="K36" s="45" t="s">
        <v>130</v>
      </c>
      <c r="L36" s="45" t="s">
        <v>130</v>
      </c>
      <c r="M36" s="45"/>
      <c r="N36" s="45"/>
      <c r="O36" s="45"/>
      <c r="P36" s="45"/>
      <c r="Q36" s="45"/>
      <c r="R36" s="45"/>
      <c r="S36" s="45"/>
      <c r="T36" s="45"/>
      <c r="U36" s="45"/>
      <c r="V36" s="45" t="s">
        <v>130</v>
      </c>
      <c r="W36" s="45" t="s">
        <v>130</v>
      </c>
      <c r="X36" s="45" t="s">
        <v>130</v>
      </c>
      <c r="Y36" s="45" t="s">
        <v>130</v>
      </c>
      <c r="Z36" s="47"/>
      <c r="AA36" s="15" t="s">
        <v>147</v>
      </c>
      <c r="AB36" s="16" t="s">
        <v>135</v>
      </c>
      <c r="AC36" s="16" t="s">
        <v>136</v>
      </c>
      <c r="AD36" s="16" t="s">
        <v>136</v>
      </c>
      <c r="AE36" s="22"/>
      <c r="AF36" s="30" t="s">
        <v>263</v>
      </c>
      <c r="AG36" s="17" t="s">
        <v>264</v>
      </c>
    </row>
    <row r="37" spans="2:37" ht="36" customHeight="1" x14ac:dyDescent="0.2">
      <c r="B37" s="34">
        <v>34</v>
      </c>
      <c r="C37" s="33" t="s">
        <v>26</v>
      </c>
      <c r="D37" s="13"/>
      <c r="E37" s="13">
        <v>2</v>
      </c>
      <c r="F37" s="14" t="s">
        <v>59</v>
      </c>
      <c r="G37" s="14"/>
      <c r="H37" s="18" t="s">
        <v>67</v>
      </c>
      <c r="I37" s="18" t="s">
        <v>68</v>
      </c>
      <c r="J37" s="45" t="s">
        <v>130</v>
      </c>
      <c r="K37" s="45" t="s">
        <v>130</v>
      </c>
      <c r="L37" s="45" t="s">
        <v>130</v>
      </c>
      <c r="M37" s="45"/>
      <c r="N37" s="45"/>
      <c r="O37" s="45"/>
      <c r="P37" s="45"/>
      <c r="Q37" s="45"/>
      <c r="R37" s="45"/>
      <c r="S37" s="45"/>
      <c r="T37" s="45"/>
      <c r="U37" s="45"/>
      <c r="V37" s="45" t="s">
        <v>130</v>
      </c>
      <c r="W37" s="47"/>
      <c r="X37" s="47"/>
      <c r="Y37" s="47"/>
      <c r="Z37" s="47"/>
      <c r="AA37" s="15" t="s">
        <v>147</v>
      </c>
      <c r="AB37" s="16" t="s">
        <v>135</v>
      </c>
      <c r="AC37" s="16" t="s">
        <v>136</v>
      </c>
      <c r="AD37" s="16" t="s">
        <v>136</v>
      </c>
      <c r="AE37" s="22"/>
      <c r="AF37" s="30"/>
      <c r="AG37" s="17">
        <v>7.13</v>
      </c>
      <c r="AI37" s="19"/>
    </row>
    <row r="38" spans="2:37" ht="36" customHeight="1" x14ac:dyDescent="0.2">
      <c r="B38" s="34">
        <v>35</v>
      </c>
      <c r="C38" s="33" t="s">
        <v>26</v>
      </c>
      <c r="D38" s="13"/>
      <c r="E38" s="13">
        <v>2</v>
      </c>
      <c r="F38" s="14" t="s">
        <v>59</v>
      </c>
      <c r="G38" s="14"/>
      <c r="H38" s="12" t="s">
        <v>69</v>
      </c>
      <c r="I38" s="12" t="s">
        <v>70</v>
      </c>
      <c r="J38" s="45"/>
      <c r="K38" s="45"/>
      <c r="L38" s="45" t="s">
        <v>130</v>
      </c>
      <c r="M38" s="45" t="s">
        <v>130</v>
      </c>
      <c r="N38" s="45" t="s">
        <v>130</v>
      </c>
      <c r="O38" s="50" t="s">
        <v>135</v>
      </c>
      <c r="P38" s="45"/>
      <c r="Q38" s="50" t="s">
        <v>135</v>
      </c>
      <c r="R38" s="50" t="s">
        <v>135</v>
      </c>
      <c r="S38" s="50" t="s">
        <v>135</v>
      </c>
      <c r="T38" s="50" t="s">
        <v>135</v>
      </c>
      <c r="U38" s="50" t="s">
        <v>135</v>
      </c>
      <c r="V38" s="45" t="s">
        <v>130</v>
      </c>
      <c r="W38" s="50" t="s">
        <v>135</v>
      </c>
      <c r="X38" s="47"/>
      <c r="Y38" s="47"/>
      <c r="Z38" s="47"/>
      <c r="AA38" s="15" t="s">
        <v>147</v>
      </c>
      <c r="AB38" s="16" t="s">
        <v>133</v>
      </c>
      <c r="AC38" s="16" t="s">
        <v>135</v>
      </c>
      <c r="AD38" s="16" t="s">
        <v>135</v>
      </c>
      <c r="AE38" s="22"/>
      <c r="AF38" s="30"/>
      <c r="AG38" s="17">
        <v>7</v>
      </c>
      <c r="AI38" s="19"/>
    </row>
    <row r="39" spans="2:37" ht="36" customHeight="1" x14ac:dyDescent="0.2">
      <c r="B39" s="34">
        <v>36</v>
      </c>
      <c r="C39" s="33" t="s">
        <v>26</v>
      </c>
      <c r="D39" s="13"/>
      <c r="E39" s="13">
        <v>2</v>
      </c>
      <c r="F39" s="14" t="s">
        <v>59</v>
      </c>
      <c r="G39" s="14"/>
      <c r="H39" s="12" t="s">
        <v>69</v>
      </c>
      <c r="I39" s="12" t="s">
        <v>71</v>
      </c>
      <c r="J39" s="45"/>
      <c r="K39" s="45" t="s">
        <v>130</v>
      </c>
      <c r="L39" s="45" t="s">
        <v>130</v>
      </c>
      <c r="M39" s="45" t="s">
        <v>130</v>
      </c>
      <c r="N39" s="45" t="s">
        <v>130</v>
      </c>
      <c r="O39" s="50" t="s">
        <v>135</v>
      </c>
      <c r="P39" s="45"/>
      <c r="Q39" s="50" t="s">
        <v>135</v>
      </c>
      <c r="R39" s="50" t="s">
        <v>135</v>
      </c>
      <c r="S39" s="50" t="s">
        <v>135</v>
      </c>
      <c r="T39" s="50" t="s">
        <v>135</v>
      </c>
      <c r="U39" s="50" t="s">
        <v>135</v>
      </c>
      <c r="V39" s="45" t="s">
        <v>130</v>
      </c>
      <c r="W39" s="50" t="s">
        <v>135</v>
      </c>
      <c r="X39" s="47"/>
      <c r="Y39" s="45" t="s">
        <v>130</v>
      </c>
      <c r="Z39" s="47"/>
      <c r="AA39" s="15" t="s">
        <v>147</v>
      </c>
      <c r="AB39" s="16" t="s">
        <v>133</v>
      </c>
      <c r="AC39" s="16" t="s">
        <v>135</v>
      </c>
      <c r="AD39" s="16" t="s">
        <v>135</v>
      </c>
      <c r="AE39" s="22"/>
      <c r="AF39" s="30"/>
      <c r="AG39" s="17">
        <v>7</v>
      </c>
      <c r="AI39" s="19"/>
    </row>
    <row r="40" spans="2:37" ht="36" customHeight="1" x14ac:dyDescent="0.2">
      <c r="B40" s="34">
        <v>37</v>
      </c>
      <c r="C40" s="33" t="s">
        <v>26</v>
      </c>
      <c r="D40" s="13"/>
      <c r="E40" s="13">
        <v>2</v>
      </c>
      <c r="F40" s="14" t="s">
        <v>59</v>
      </c>
      <c r="G40" s="14"/>
      <c r="H40" s="12" t="s">
        <v>47</v>
      </c>
      <c r="I40" s="12" t="s">
        <v>72</v>
      </c>
      <c r="J40" s="45"/>
      <c r="K40" s="45" t="s">
        <v>130</v>
      </c>
      <c r="L40" s="45" t="s">
        <v>130</v>
      </c>
      <c r="M40" s="45" t="s">
        <v>130</v>
      </c>
      <c r="N40" s="45" t="s">
        <v>130</v>
      </c>
      <c r="O40" s="45"/>
      <c r="P40" s="45"/>
      <c r="Q40" s="45"/>
      <c r="R40" s="45"/>
      <c r="S40" s="45"/>
      <c r="T40" s="45"/>
      <c r="U40" s="45"/>
      <c r="V40" s="45" t="s">
        <v>130</v>
      </c>
      <c r="W40" s="45"/>
      <c r="X40" s="47"/>
      <c r="Y40" s="45" t="s">
        <v>130</v>
      </c>
      <c r="Z40" s="47"/>
      <c r="AA40" s="15" t="s">
        <v>147</v>
      </c>
      <c r="AB40" s="16" t="s">
        <v>131</v>
      </c>
      <c r="AC40" s="16" t="s">
        <v>135</v>
      </c>
      <c r="AD40" s="16" t="s">
        <v>135</v>
      </c>
      <c r="AE40" s="22"/>
      <c r="AF40" s="30" t="s">
        <v>292</v>
      </c>
      <c r="AG40" s="17" t="s">
        <v>208</v>
      </c>
      <c r="AI40" s="19"/>
    </row>
    <row r="41" spans="2:37" ht="36" customHeight="1" x14ac:dyDescent="0.2">
      <c r="B41" s="34">
        <v>38</v>
      </c>
      <c r="C41" s="32" t="s">
        <v>22</v>
      </c>
      <c r="D41" s="13"/>
      <c r="E41" s="13">
        <v>3</v>
      </c>
      <c r="F41" s="14" t="s">
        <v>73</v>
      </c>
      <c r="G41" s="14"/>
      <c r="H41" s="18" t="s">
        <v>74</v>
      </c>
      <c r="I41" s="18" t="s">
        <v>293</v>
      </c>
      <c r="J41" s="45"/>
      <c r="K41" s="45" t="s">
        <v>130</v>
      </c>
      <c r="L41" s="45" t="s">
        <v>130</v>
      </c>
      <c r="M41" s="45" t="s">
        <v>130</v>
      </c>
      <c r="N41" s="45" t="s">
        <v>130</v>
      </c>
      <c r="O41" s="45"/>
      <c r="P41" s="45"/>
      <c r="Q41" s="45"/>
      <c r="R41" s="45"/>
      <c r="S41" s="45"/>
      <c r="T41" s="45"/>
      <c r="U41" s="45"/>
      <c r="V41" s="45" t="s">
        <v>130</v>
      </c>
      <c r="W41" s="45" t="s">
        <v>130</v>
      </c>
      <c r="X41" s="45" t="s">
        <v>130</v>
      </c>
      <c r="Y41" s="45" t="s">
        <v>130</v>
      </c>
      <c r="Z41" s="47"/>
      <c r="AA41" s="15" t="s">
        <v>147</v>
      </c>
      <c r="AB41" s="16" t="s">
        <v>135</v>
      </c>
      <c r="AC41" s="16" t="s">
        <v>129</v>
      </c>
      <c r="AD41" s="16" t="s">
        <v>129</v>
      </c>
      <c r="AE41" s="22"/>
      <c r="AF41" s="30"/>
      <c r="AG41" s="17" t="s">
        <v>191</v>
      </c>
    </row>
    <row r="42" spans="2:37" ht="36" customHeight="1" x14ac:dyDescent="0.2">
      <c r="B42" s="34">
        <v>39</v>
      </c>
      <c r="C42" s="32" t="s">
        <v>22</v>
      </c>
      <c r="D42" s="13"/>
      <c r="E42" s="13">
        <v>3</v>
      </c>
      <c r="F42" s="14" t="s">
        <v>73</v>
      </c>
      <c r="G42" s="14"/>
      <c r="H42" s="18" t="s">
        <v>75</v>
      </c>
      <c r="I42" s="18" t="s">
        <v>76</v>
      </c>
      <c r="J42" s="45"/>
      <c r="K42" s="45"/>
      <c r="L42" s="45" t="s">
        <v>130</v>
      </c>
      <c r="M42" s="45" t="s">
        <v>130</v>
      </c>
      <c r="N42" s="45" t="s">
        <v>130</v>
      </c>
      <c r="O42" s="49"/>
      <c r="P42" s="45"/>
      <c r="Q42" s="49"/>
      <c r="R42" s="49"/>
      <c r="S42" s="49"/>
      <c r="T42" s="49"/>
      <c r="U42" s="49"/>
      <c r="V42" s="45" t="s">
        <v>130</v>
      </c>
      <c r="W42" s="47"/>
      <c r="X42" s="47"/>
      <c r="Y42" s="45" t="s">
        <v>130</v>
      </c>
      <c r="Z42" s="47"/>
      <c r="AA42" s="15" t="s">
        <v>147</v>
      </c>
      <c r="AB42" s="16" t="s">
        <v>131</v>
      </c>
      <c r="AC42" s="16" t="s">
        <v>136</v>
      </c>
      <c r="AD42" s="16" t="s">
        <v>129</v>
      </c>
      <c r="AE42" s="22" t="s">
        <v>205</v>
      </c>
      <c r="AF42" s="30" t="s">
        <v>206</v>
      </c>
      <c r="AG42" s="17" t="s">
        <v>207</v>
      </c>
    </row>
    <row r="43" spans="2:37" ht="36" customHeight="1" x14ac:dyDescent="0.2">
      <c r="B43" s="34">
        <v>40</v>
      </c>
      <c r="C43" s="32" t="s">
        <v>22</v>
      </c>
      <c r="D43" s="13"/>
      <c r="E43" s="13">
        <v>3</v>
      </c>
      <c r="F43" s="14" t="s">
        <v>73</v>
      </c>
      <c r="G43" s="14"/>
      <c r="H43" s="18" t="s">
        <v>242</v>
      </c>
      <c r="I43" s="18" t="s">
        <v>265</v>
      </c>
      <c r="J43" s="45" t="s">
        <v>130</v>
      </c>
      <c r="K43" s="45" t="s">
        <v>130</v>
      </c>
      <c r="L43" s="45" t="s">
        <v>130</v>
      </c>
      <c r="M43" s="45"/>
      <c r="N43" s="45"/>
      <c r="O43" s="50"/>
      <c r="P43" s="45"/>
      <c r="Q43" s="49"/>
      <c r="R43" s="49"/>
      <c r="S43" s="49"/>
      <c r="T43" s="49"/>
      <c r="U43" s="49"/>
      <c r="V43" s="47"/>
      <c r="W43" s="45" t="s">
        <v>130</v>
      </c>
      <c r="X43" s="47"/>
      <c r="Y43" s="45" t="s">
        <v>130</v>
      </c>
      <c r="Z43" s="51" t="s">
        <v>266</v>
      </c>
      <c r="AA43" s="15" t="s">
        <v>147</v>
      </c>
      <c r="AB43" s="16" t="s">
        <v>135</v>
      </c>
      <c r="AC43" s="16" t="s">
        <v>136</v>
      </c>
      <c r="AD43" s="16" t="s">
        <v>135</v>
      </c>
      <c r="AE43" s="22"/>
      <c r="AF43" s="30"/>
      <c r="AG43" s="17" t="s">
        <v>180</v>
      </c>
    </row>
    <row r="44" spans="2:37" ht="36" customHeight="1" x14ac:dyDescent="0.2">
      <c r="B44" s="34">
        <v>41</v>
      </c>
      <c r="C44" s="32" t="s">
        <v>22</v>
      </c>
      <c r="D44" s="13"/>
      <c r="E44" s="13">
        <v>3</v>
      </c>
      <c r="F44" s="14" t="s">
        <v>73</v>
      </c>
      <c r="G44" s="14"/>
      <c r="H44" s="12" t="s">
        <v>243</v>
      </c>
      <c r="I44" s="12" t="s">
        <v>77</v>
      </c>
      <c r="J44" s="45"/>
      <c r="K44" s="45" t="s">
        <v>130</v>
      </c>
      <c r="L44" s="45" t="s">
        <v>130</v>
      </c>
      <c r="M44" s="45"/>
      <c r="N44" s="45"/>
      <c r="O44" s="45"/>
      <c r="P44" s="45"/>
      <c r="Q44" s="45"/>
      <c r="R44" s="45"/>
      <c r="S44" s="45"/>
      <c r="T44" s="45"/>
      <c r="U44" s="45"/>
      <c r="V44" s="47"/>
      <c r="W44" s="45" t="s">
        <v>130</v>
      </c>
      <c r="X44" s="47"/>
      <c r="Y44" s="45" t="s">
        <v>130</v>
      </c>
      <c r="Z44" s="47"/>
      <c r="AA44" s="15" t="s">
        <v>147</v>
      </c>
      <c r="AB44" s="16" t="s">
        <v>131</v>
      </c>
      <c r="AC44" s="16" t="s">
        <v>136</v>
      </c>
      <c r="AD44" s="16" t="s">
        <v>135</v>
      </c>
      <c r="AE44" s="22" t="s">
        <v>181</v>
      </c>
      <c r="AF44" s="30" t="s">
        <v>182</v>
      </c>
      <c r="AG44" s="17" t="s">
        <v>204</v>
      </c>
    </row>
    <row r="45" spans="2:37" ht="36" customHeight="1" x14ac:dyDescent="0.2">
      <c r="B45" s="34">
        <v>42</v>
      </c>
      <c r="C45" s="33" t="s">
        <v>22</v>
      </c>
      <c r="D45" s="13"/>
      <c r="E45" s="13">
        <v>3</v>
      </c>
      <c r="F45" s="14" t="s">
        <v>73</v>
      </c>
      <c r="G45" s="14"/>
      <c r="H45" s="18" t="s">
        <v>78</v>
      </c>
      <c r="I45" s="18" t="s">
        <v>79</v>
      </c>
      <c r="J45" s="45" t="s">
        <v>130</v>
      </c>
      <c r="K45" s="45" t="s">
        <v>130</v>
      </c>
      <c r="L45" s="45" t="s">
        <v>130</v>
      </c>
      <c r="M45" s="45" t="s">
        <v>130</v>
      </c>
      <c r="N45" s="45" t="s">
        <v>130</v>
      </c>
      <c r="O45" s="50" t="s">
        <v>135</v>
      </c>
      <c r="P45" s="45"/>
      <c r="Q45" s="45"/>
      <c r="R45" s="50" t="s">
        <v>135</v>
      </c>
      <c r="S45" s="50" t="s">
        <v>135</v>
      </c>
      <c r="T45" s="50" t="s">
        <v>135</v>
      </c>
      <c r="U45" s="45"/>
      <c r="V45" s="45" t="s">
        <v>130</v>
      </c>
      <c r="W45" s="45" t="s">
        <v>130</v>
      </c>
      <c r="X45" s="47"/>
      <c r="Y45" s="45" t="s">
        <v>130</v>
      </c>
      <c r="Z45" s="47"/>
      <c r="AA45" s="15" t="s">
        <v>146</v>
      </c>
      <c r="AB45" s="16" t="s">
        <v>131</v>
      </c>
      <c r="AC45" s="16" t="s">
        <v>129</v>
      </c>
      <c r="AD45" s="16" t="s">
        <v>129</v>
      </c>
      <c r="AE45" s="22"/>
      <c r="AF45" s="30"/>
      <c r="AG45" s="17" t="s">
        <v>203</v>
      </c>
    </row>
    <row r="46" spans="2:37" ht="36" customHeight="1" x14ac:dyDescent="0.2">
      <c r="B46" s="34">
        <v>43</v>
      </c>
      <c r="C46" s="33" t="s">
        <v>22</v>
      </c>
      <c r="D46" s="13"/>
      <c r="E46" s="13">
        <v>3</v>
      </c>
      <c r="F46" s="14" t="s">
        <v>73</v>
      </c>
      <c r="G46" s="14"/>
      <c r="H46" s="18" t="s">
        <v>80</v>
      </c>
      <c r="I46" s="18" t="s">
        <v>81</v>
      </c>
      <c r="J46" s="45"/>
      <c r="K46" s="45" t="s">
        <v>130</v>
      </c>
      <c r="L46" s="45" t="s">
        <v>130</v>
      </c>
      <c r="M46" s="45"/>
      <c r="N46" s="45"/>
      <c r="O46" s="45"/>
      <c r="P46" s="45"/>
      <c r="Q46" s="45"/>
      <c r="R46" s="45"/>
      <c r="S46" s="45"/>
      <c r="T46" s="45"/>
      <c r="U46" s="45"/>
      <c r="V46" s="45" t="s">
        <v>130</v>
      </c>
      <c r="W46" s="45" t="s">
        <v>130</v>
      </c>
      <c r="X46" s="45" t="s">
        <v>130</v>
      </c>
      <c r="Y46" s="45" t="s">
        <v>130</v>
      </c>
      <c r="Z46" s="47"/>
      <c r="AA46" s="15" t="s">
        <v>267</v>
      </c>
      <c r="AB46" s="16" t="s">
        <v>131</v>
      </c>
      <c r="AC46" s="16" t="s">
        <v>135</v>
      </c>
      <c r="AD46" s="16" t="s">
        <v>135</v>
      </c>
      <c r="AE46" s="22" t="s">
        <v>201</v>
      </c>
      <c r="AF46" s="30"/>
      <c r="AG46" s="17" t="s">
        <v>202</v>
      </c>
      <c r="AH46" s="19"/>
      <c r="AI46" s="19"/>
      <c r="AJ46" s="19"/>
      <c r="AK46" s="19"/>
    </row>
    <row r="47" spans="2:37" ht="36" customHeight="1" x14ac:dyDescent="0.2">
      <c r="B47" s="34">
        <v>44</v>
      </c>
      <c r="C47" s="33" t="s">
        <v>22</v>
      </c>
      <c r="D47" s="13"/>
      <c r="E47" s="13">
        <v>3</v>
      </c>
      <c r="F47" s="14" t="s">
        <v>73</v>
      </c>
      <c r="G47" s="14"/>
      <c r="H47" s="18" t="s">
        <v>268</v>
      </c>
      <c r="I47" s="12" t="s">
        <v>82</v>
      </c>
      <c r="J47" s="45"/>
      <c r="K47" s="45" t="s">
        <v>130</v>
      </c>
      <c r="L47" s="45" t="s">
        <v>130</v>
      </c>
      <c r="M47" s="45"/>
      <c r="N47" s="45"/>
      <c r="O47" s="45"/>
      <c r="P47" s="45"/>
      <c r="Q47" s="45"/>
      <c r="R47" s="45"/>
      <c r="S47" s="45"/>
      <c r="T47" s="45"/>
      <c r="U47" s="45"/>
      <c r="V47" s="46"/>
      <c r="W47" s="45" t="s">
        <v>130</v>
      </c>
      <c r="X47" s="45" t="s">
        <v>130</v>
      </c>
      <c r="Y47" s="45" t="s">
        <v>130</v>
      </c>
      <c r="Z47" s="47"/>
      <c r="AA47" s="15" t="s">
        <v>147</v>
      </c>
      <c r="AB47" s="16" t="s">
        <v>135</v>
      </c>
      <c r="AC47" s="16" t="s">
        <v>129</v>
      </c>
      <c r="AD47" s="16" t="s">
        <v>135</v>
      </c>
      <c r="AE47" s="22"/>
      <c r="AF47" s="30" t="s">
        <v>200</v>
      </c>
      <c r="AG47" s="17" t="s">
        <v>191</v>
      </c>
    </row>
    <row r="48" spans="2:37" ht="36" customHeight="1" x14ac:dyDescent="0.2">
      <c r="B48" s="34">
        <v>45</v>
      </c>
      <c r="C48" s="32" t="s">
        <v>22</v>
      </c>
      <c r="D48" s="13"/>
      <c r="E48" s="13">
        <v>3</v>
      </c>
      <c r="F48" s="14" t="s">
        <v>73</v>
      </c>
      <c r="G48" s="14"/>
      <c r="H48" s="12" t="s">
        <v>83</v>
      </c>
      <c r="I48" s="12" t="s">
        <v>84</v>
      </c>
      <c r="J48" s="45"/>
      <c r="K48" s="45" t="s">
        <v>130</v>
      </c>
      <c r="L48" s="45" t="s">
        <v>130</v>
      </c>
      <c r="M48" s="45"/>
      <c r="N48" s="45"/>
      <c r="O48" s="49"/>
      <c r="P48" s="45"/>
      <c r="Q48" s="45"/>
      <c r="R48" s="49"/>
      <c r="S48" s="49"/>
      <c r="T48" s="49"/>
      <c r="U48" s="49"/>
      <c r="V48" s="47"/>
      <c r="W48" s="45" t="s">
        <v>130</v>
      </c>
      <c r="X48" s="45" t="s">
        <v>130</v>
      </c>
      <c r="Y48" s="45" t="s">
        <v>130</v>
      </c>
      <c r="Z48" s="47"/>
      <c r="AA48" s="15" t="s">
        <v>146</v>
      </c>
      <c r="AB48" s="16" t="s">
        <v>133</v>
      </c>
      <c r="AC48" s="16" t="s">
        <v>129</v>
      </c>
      <c r="AD48" s="16" t="s">
        <v>129</v>
      </c>
      <c r="AE48" s="22"/>
      <c r="AF48" s="30" t="s">
        <v>199</v>
      </c>
      <c r="AG48" s="17">
        <v>12</v>
      </c>
    </row>
    <row r="49" spans="2:35 16384:16384" ht="36" customHeight="1" x14ac:dyDescent="0.2">
      <c r="B49" s="34">
        <v>46</v>
      </c>
      <c r="C49" s="33" t="s">
        <v>26</v>
      </c>
      <c r="D49" s="13"/>
      <c r="E49" s="13">
        <v>3</v>
      </c>
      <c r="F49" s="14" t="s">
        <v>73</v>
      </c>
      <c r="G49" s="14"/>
      <c r="H49" s="12" t="s">
        <v>85</v>
      </c>
      <c r="I49" s="12" t="s">
        <v>86</v>
      </c>
      <c r="J49" s="45"/>
      <c r="K49" s="45" t="s">
        <v>130</v>
      </c>
      <c r="L49" s="45" t="s">
        <v>130</v>
      </c>
      <c r="M49" s="45"/>
      <c r="N49" s="45"/>
      <c r="O49" s="45"/>
      <c r="P49" s="45"/>
      <c r="Q49" s="45"/>
      <c r="R49" s="45"/>
      <c r="S49" s="45"/>
      <c r="T49" s="45"/>
      <c r="U49" s="45"/>
      <c r="V49" s="45" t="s">
        <v>130</v>
      </c>
      <c r="W49" s="47"/>
      <c r="X49" s="47"/>
      <c r="Y49" s="47"/>
      <c r="Z49" s="47"/>
      <c r="AA49" s="15" t="s">
        <v>147</v>
      </c>
      <c r="AB49" s="16" t="s">
        <v>131</v>
      </c>
      <c r="AC49" s="16" t="s">
        <v>136</v>
      </c>
      <c r="AD49" s="16" t="s">
        <v>136</v>
      </c>
      <c r="AE49" s="22"/>
      <c r="AF49" s="30" t="s">
        <v>198</v>
      </c>
      <c r="AG49" s="17">
        <v>12</v>
      </c>
    </row>
    <row r="50" spans="2:35 16384:16384" ht="36" customHeight="1" x14ac:dyDescent="0.2">
      <c r="B50" s="34">
        <v>47</v>
      </c>
      <c r="C50" s="33" t="s">
        <v>26</v>
      </c>
      <c r="D50" s="13"/>
      <c r="E50" s="13">
        <v>3</v>
      </c>
      <c r="F50" s="14" t="s">
        <v>73</v>
      </c>
      <c r="G50" s="14"/>
      <c r="H50" s="12" t="s">
        <v>85</v>
      </c>
      <c r="I50" s="12" t="s">
        <v>142</v>
      </c>
      <c r="J50" s="45"/>
      <c r="K50" s="45"/>
      <c r="L50" s="45" t="s">
        <v>130</v>
      </c>
      <c r="M50" s="45"/>
      <c r="N50" s="45"/>
      <c r="O50" s="45"/>
      <c r="P50" s="45"/>
      <c r="Q50" s="45"/>
      <c r="R50" s="45"/>
      <c r="S50" s="45"/>
      <c r="T50" s="45"/>
      <c r="U50" s="45"/>
      <c r="V50" s="45" t="s">
        <v>130</v>
      </c>
      <c r="W50" s="47"/>
      <c r="X50" s="47"/>
      <c r="Y50" s="47"/>
      <c r="Z50" s="47"/>
      <c r="AA50" s="15" t="s">
        <v>147</v>
      </c>
      <c r="AB50" s="16" t="s">
        <v>131</v>
      </c>
      <c r="AC50" s="16" t="s">
        <v>136</v>
      </c>
      <c r="AD50" s="16" t="s">
        <v>136</v>
      </c>
      <c r="AE50" s="22"/>
      <c r="AF50" s="30" t="s">
        <v>198</v>
      </c>
      <c r="AG50" s="17">
        <v>12</v>
      </c>
    </row>
    <row r="51" spans="2:35 16384:16384" ht="36" customHeight="1" x14ac:dyDescent="0.2">
      <c r="B51" s="34">
        <v>48</v>
      </c>
      <c r="C51" s="33" t="s">
        <v>26</v>
      </c>
      <c r="D51" s="13"/>
      <c r="E51" s="13">
        <v>3</v>
      </c>
      <c r="F51" s="14" t="s">
        <v>73</v>
      </c>
      <c r="G51" s="14"/>
      <c r="H51" s="12" t="s">
        <v>87</v>
      </c>
      <c r="I51" s="12" t="s">
        <v>88</v>
      </c>
      <c r="J51" s="45"/>
      <c r="K51" s="45" t="s">
        <v>130</v>
      </c>
      <c r="L51" s="45" t="s">
        <v>130</v>
      </c>
      <c r="M51" s="45"/>
      <c r="N51" s="45"/>
      <c r="O51" s="45"/>
      <c r="P51" s="45"/>
      <c r="Q51" s="45"/>
      <c r="R51" s="45"/>
      <c r="S51" s="45"/>
      <c r="T51" s="45"/>
      <c r="U51" s="45"/>
      <c r="V51" s="45" t="s">
        <v>130</v>
      </c>
      <c r="W51" s="45" t="s">
        <v>130</v>
      </c>
      <c r="X51" s="45" t="s">
        <v>130</v>
      </c>
      <c r="Y51" s="45" t="s">
        <v>130</v>
      </c>
      <c r="Z51" s="47"/>
      <c r="AA51" s="15" t="s">
        <v>146</v>
      </c>
      <c r="AB51" s="16" t="s">
        <v>133</v>
      </c>
      <c r="AC51" s="16" t="s">
        <v>136</v>
      </c>
      <c r="AD51" s="16" t="s">
        <v>135</v>
      </c>
      <c r="AE51" s="43" t="s">
        <v>269</v>
      </c>
      <c r="AF51" s="30"/>
      <c r="AG51" s="17" t="s">
        <v>197</v>
      </c>
    </row>
    <row r="52" spans="2:35 16384:16384" ht="36" customHeight="1" x14ac:dyDescent="0.2">
      <c r="B52" s="34">
        <v>49</v>
      </c>
      <c r="C52" s="33" t="s">
        <v>26</v>
      </c>
      <c r="D52" s="13"/>
      <c r="E52" s="13">
        <v>3</v>
      </c>
      <c r="F52" s="14" t="s">
        <v>73</v>
      </c>
      <c r="G52" s="14"/>
      <c r="H52" s="18" t="s">
        <v>89</v>
      </c>
      <c r="I52" s="18" t="s">
        <v>90</v>
      </c>
      <c r="J52" s="45" t="s">
        <v>130</v>
      </c>
      <c r="K52" s="45" t="s">
        <v>130</v>
      </c>
      <c r="L52" s="45" t="s">
        <v>130</v>
      </c>
      <c r="M52" s="45" t="s">
        <v>130</v>
      </c>
      <c r="N52" s="45" t="s">
        <v>130</v>
      </c>
      <c r="O52" s="45" t="s">
        <v>130</v>
      </c>
      <c r="P52" s="45" t="s">
        <v>130</v>
      </c>
      <c r="Q52" s="45" t="s">
        <v>130</v>
      </c>
      <c r="R52" s="45" t="s">
        <v>130</v>
      </c>
      <c r="S52" s="45" t="s">
        <v>130</v>
      </c>
      <c r="T52" s="45" t="s">
        <v>130</v>
      </c>
      <c r="U52" s="45" t="s">
        <v>130</v>
      </c>
      <c r="V52" s="45" t="s">
        <v>130</v>
      </c>
      <c r="W52" s="45" t="s">
        <v>130</v>
      </c>
      <c r="X52" s="45" t="s">
        <v>130</v>
      </c>
      <c r="Y52" s="45" t="s">
        <v>130</v>
      </c>
      <c r="Z52" s="47" t="s">
        <v>140</v>
      </c>
      <c r="AA52" s="15" t="s">
        <v>148</v>
      </c>
      <c r="AB52" s="16" t="s">
        <v>135</v>
      </c>
      <c r="AC52" s="16" t="s">
        <v>129</v>
      </c>
      <c r="AD52" s="16" t="s">
        <v>129</v>
      </c>
      <c r="AE52" s="22"/>
      <c r="AF52" s="30" t="s">
        <v>196</v>
      </c>
      <c r="AG52" s="17" t="s">
        <v>195</v>
      </c>
      <c r="XFD52" s="29" t="s">
        <v>130</v>
      </c>
    </row>
    <row r="53" spans="2:35 16384:16384" ht="36" customHeight="1" x14ac:dyDescent="0.2">
      <c r="B53" s="34">
        <v>50</v>
      </c>
      <c r="C53" s="33" t="s">
        <v>26</v>
      </c>
      <c r="D53" s="13"/>
      <c r="E53" s="13">
        <v>3</v>
      </c>
      <c r="F53" s="14" t="s">
        <v>73</v>
      </c>
      <c r="G53" s="14"/>
      <c r="H53" s="18" t="s">
        <v>89</v>
      </c>
      <c r="I53" s="18" t="s">
        <v>91</v>
      </c>
      <c r="J53" s="45" t="s">
        <v>130</v>
      </c>
      <c r="K53" s="45" t="s">
        <v>130</v>
      </c>
      <c r="L53" s="45" t="s">
        <v>130</v>
      </c>
      <c r="M53" s="45" t="s">
        <v>130</v>
      </c>
      <c r="N53" s="45" t="s">
        <v>130</v>
      </c>
      <c r="O53" s="45" t="s">
        <v>130</v>
      </c>
      <c r="P53" s="45" t="s">
        <v>130</v>
      </c>
      <c r="Q53" s="45" t="s">
        <v>130</v>
      </c>
      <c r="R53" s="45" t="s">
        <v>130</v>
      </c>
      <c r="S53" s="45" t="s">
        <v>130</v>
      </c>
      <c r="T53" s="45" t="s">
        <v>130</v>
      </c>
      <c r="U53" s="45" t="s">
        <v>130</v>
      </c>
      <c r="V53" s="45" t="s">
        <v>130</v>
      </c>
      <c r="W53" s="45" t="s">
        <v>130</v>
      </c>
      <c r="X53" s="45" t="s">
        <v>130</v>
      </c>
      <c r="Y53" s="45" t="s">
        <v>130</v>
      </c>
      <c r="Z53" s="47" t="s">
        <v>140</v>
      </c>
      <c r="AA53" s="15" t="s">
        <v>148</v>
      </c>
      <c r="AB53" s="16" t="s">
        <v>135</v>
      </c>
      <c r="AC53" s="16" t="s">
        <v>129</v>
      </c>
      <c r="AD53" s="16" t="s">
        <v>129</v>
      </c>
      <c r="AE53" s="22"/>
      <c r="AF53" s="30"/>
      <c r="AG53" s="17" t="s">
        <v>195</v>
      </c>
    </row>
    <row r="54" spans="2:35 16384:16384" ht="36" customHeight="1" x14ac:dyDescent="0.2">
      <c r="B54" s="34">
        <v>51</v>
      </c>
      <c r="C54" s="33" t="s">
        <v>26</v>
      </c>
      <c r="D54" s="13"/>
      <c r="E54" s="13">
        <v>3</v>
      </c>
      <c r="F54" s="14" t="s">
        <v>73</v>
      </c>
      <c r="G54" s="14"/>
      <c r="H54" s="18" t="s">
        <v>27</v>
      </c>
      <c r="I54" s="18" t="s">
        <v>92</v>
      </c>
      <c r="J54" s="45" t="s">
        <v>130</v>
      </c>
      <c r="K54" s="45" t="s">
        <v>130</v>
      </c>
      <c r="L54" s="45" t="s">
        <v>130</v>
      </c>
      <c r="M54" s="45" t="s">
        <v>130</v>
      </c>
      <c r="N54" s="45"/>
      <c r="O54" s="45"/>
      <c r="P54" s="45"/>
      <c r="Q54" s="45"/>
      <c r="R54" s="45"/>
      <c r="S54" s="45" t="s">
        <v>130</v>
      </c>
      <c r="T54" s="45"/>
      <c r="U54" s="45"/>
      <c r="V54" s="45" t="s">
        <v>130</v>
      </c>
      <c r="W54" s="45" t="s">
        <v>130</v>
      </c>
      <c r="X54" s="47"/>
      <c r="Y54" s="45" t="s">
        <v>130</v>
      </c>
      <c r="Z54" s="47"/>
      <c r="AA54" s="15" t="s">
        <v>147</v>
      </c>
      <c r="AB54" s="16" t="s">
        <v>133</v>
      </c>
      <c r="AC54" s="16" t="s">
        <v>136</v>
      </c>
      <c r="AD54" s="16" t="s">
        <v>135</v>
      </c>
      <c r="AE54" s="22" t="s">
        <v>192</v>
      </c>
      <c r="AF54" s="30" t="s">
        <v>193</v>
      </c>
      <c r="AG54" s="17" t="s">
        <v>194</v>
      </c>
    </row>
    <row r="55" spans="2:35 16384:16384" ht="36" customHeight="1" x14ac:dyDescent="0.2">
      <c r="B55" s="34">
        <v>52</v>
      </c>
      <c r="C55" s="33" t="s">
        <v>26</v>
      </c>
      <c r="D55" s="13"/>
      <c r="E55" s="13">
        <v>3</v>
      </c>
      <c r="F55" s="14" t="s">
        <v>73</v>
      </c>
      <c r="G55" s="14"/>
      <c r="H55" s="12" t="s">
        <v>93</v>
      </c>
      <c r="I55" s="12" t="s">
        <v>94</v>
      </c>
      <c r="J55" s="45"/>
      <c r="K55" s="45"/>
      <c r="L55" s="45" t="s">
        <v>130</v>
      </c>
      <c r="M55" s="45" t="s">
        <v>130</v>
      </c>
      <c r="N55" s="45" t="s">
        <v>130</v>
      </c>
      <c r="O55" s="45"/>
      <c r="P55" s="45"/>
      <c r="Q55" s="45" t="s">
        <v>130</v>
      </c>
      <c r="R55" s="45" t="s">
        <v>130</v>
      </c>
      <c r="S55" s="45" t="s">
        <v>130</v>
      </c>
      <c r="T55" s="45"/>
      <c r="U55" s="45"/>
      <c r="V55" s="45" t="s">
        <v>130</v>
      </c>
      <c r="W55" s="45" t="s">
        <v>130</v>
      </c>
      <c r="X55" s="45" t="s">
        <v>130</v>
      </c>
      <c r="Y55" s="45" t="s">
        <v>130</v>
      </c>
      <c r="Z55" s="47" t="s">
        <v>140</v>
      </c>
      <c r="AA55" s="15" t="s">
        <v>148</v>
      </c>
      <c r="AB55" s="16" t="s">
        <v>133</v>
      </c>
      <c r="AC55" s="16" t="s">
        <v>136</v>
      </c>
      <c r="AD55" s="16" t="s">
        <v>135</v>
      </c>
      <c r="AE55" s="22"/>
      <c r="AF55" s="30" t="s">
        <v>190</v>
      </c>
      <c r="AG55" s="17" t="s">
        <v>191</v>
      </c>
    </row>
    <row r="56" spans="2:35 16384:16384" ht="36" customHeight="1" x14ac:dyDescent="0.2">
      <c r="B56" s="34">
        <v>53</v>
      </c>
      <c r="C56" s="33" t="s">
        <v>26</v>
      </c>
      <c r="D56" s="13"/>
      <c r="E56" s="13">
        <v>3</v>
      </c>
      <c r="F56" s="14" t="s">
        <v>73</v>
      </c>
      <c r="G56" s="14"/>
      <c r="H56" s="12" t="s">
        <v>52</v>
      </c>
      <c r="I56" s="12" t="s">
        <v>95</v>
      </c>
      <c r="J56" s="45"/>
      <c r="K56" s="45" t="s">
        <v>130</v>
      </c>
      <c r="L56" s="45" t="s">
        <v>130</v>
      </c>
      <c r="M56" s="45" t="s">
        <v>130</v>
      </c>
      <c r="N56" s="45"/>
      <c r="O56" s="45"/>
      <c r="P56" s="45"/>
      <c r="Q56" s="45"/>
      <c r="R56" s="45"/>
      <c r="S56" s="45"/>
      <c r="T56" s="45"/>
      <c r="U56" s="45"/>
      <c r="V56" s="45" t="s">
        <v>130</v>
      </c>
      <c r="W56" s="47"/>
      <c r="X56" s="47"/>
      <c r="Y56" s="45" t="s">
        <v>130</v>
      </c>
      <c r="Z56" s="47"/>
      <c r="AA56" s="15" t="s">
        <v>147</v>
      </c>
      <c r="AB56" s="16" t="s">
        <v>131</v>
      </c>
      <c r="AC56" s="16" t="s">
        <v>136</v>
      </c>
      <c r="AD56" s="16" t="s">
        <v>136</v>
      </c>
      <c r="AE56" s="22" t="s">
        <v>188</v>
      </c>
      <c r="AF56" s="30" t="s">
        <v>189</v>
      </c>
      <c r="AG56" s="17" t="s">
        <v>157</v>
      </c>
    </row>
    <row r="57" spans="2:35 16384:16384" ht="36" customHeight="1" x14ac:dyDescent="0.2">
      <c r="B57" s="34">
        <v>54</v>
      </c>
      <c r="C57" s="33" t="s">
        <v>26</v>
      </c>
      <c r="D57" s="13"/>
      <c r="E57" s="13">
        <v>3</v>
      </c>
      <c r="F57" s="14" t="s">
        <v>73</v>
      </c>
      <c r="G57" s="14"/>
      <c r="H57" s="12" t="s">
        <v>52</v>
      </c>
      <c r="I57" s="12" t="s">
        <v>96</v>
      </c>
      <c r="J57" s="45"/>
      <c r="K57" s="45" t="s">
        <v>130</v>
      </c>
      <c r="L57" s="45" t="s">
        <v>130</v>
      </c>
      <c r="M57" s="45" t="s">
        <v>130</v>
      </c>
      <c r="N57" s="45"/>
      <c r="O57" s="45"/>
      <c r="P57" s="45"/>
      <c r="Q57" s="45"/>
      <c r="R57" s="45"/>
      <c r="S57" s="45"/>
      <c r="T57" s="45"/>
      <c r="U57" s="45"/>
      <c r="V57" s="45" t="s">
        <v>130</v>
      </c>
      <c r="W57" s="47"/>
      <c r="X57" s="47"/>
      <c r="Y57" s="45" t="s">
        <v>130</v>
      </c>
      <c r="Z57" s="47"/>
      <c r="AA57" s="15" t="s">
        <v>147</v>
      </c>
      <c r="AB57" s="16" t="s">
        <v>133</v>
      </c>
      <c r="AC57" s="16" t="s">
        <v>136</v>
      </c>
      <c r="AD57" s="16" t="s">
        <v>136</v>
      </c>
      <c r="AE57" s="22" t="s">
        <v>188</v>
      </c>
      <c r="AF57" s="30" t="s">
        <v>189</v>
      </c>
      <c r="AG57" s="17">
        <v>14</v>
      </c>
      <c r="AI57" s="19"/>
    </row>
    <row r="58" spans="2:35 16384:16384" ht="36" customHeight="1" x14ac:dyDescent="0.2">
      <c r="B58" s="34">
        <v>55</v>
      </c>
      <c r="C58" s="33" t="s">
        <v>26</v>
      </c>
      <c r="D58" s="13"/>
      <c r="E58" s="13">
        <v>3</v>
      </c>
      <c r="F58" s="14" t="s">
        <v>73</v>
      </c>
      <c r="G58" s="14"/>
      <c r="H58" s="12" t="s">
        <v>57</v>
      </c>
      <c r="I58" s="12" t="s">
        <v>97</v>
      </c>
      <c r="J58" s="45" t="s">
        <v>130</v>
      </c>
      <c r="K58" s="45" t="s">
        <v>130</v>
      </c>
      <c r="L58" s="45" t="s">
        <v>130</v>
      </c>
      <c r="M58" s="45"/>
      <c r="N58" s="45"/>
      <c r="O58" s="45"/>
      <c r="P58" s="45"/>
      <c r="Q58" s="45"/>
      <c r="R58" s="45"/>
      <c r="S58" s="45"/>
      <c r="T58" s="45"/>
      <c r="U58" s="45"/>
      <c r="V58" s="45" t="s">
        <v>130</v>
      </c>
      <c r="W58" s="47"/>
      <c r="X58" s="47"/>
      <c r="Y58" s="45" t="s">
        <v>130</v>
      </c>
      <c r="Z58" s="47"/>
      <c r="AA58" s="15" t="s">
        <v>147</v>
      </c>
      <c r="AB58" s="16" t="s">
        <v>135</v>
      </c>
      <c r="AC58" s="16" t="s">
        <v>136</v>
      </c>
      <c r="AD58" s="16" t="s">
        <v>136</v>
      </c>
      <c r="AE58" s="22"/>
      <c r="AF58" s="30" t="s">
        <v>186</v>
      </c>
      <c r="AG58" s="17" t="s">
        <v>187</v>
      </c>
    </row>
    <row r="59" spans="2:35 16384:16384" ht="36" customHeight="1" x14ac:dyDescent="0.2">
      <c r="B59" s="34">
        <v>56</v>
      </c>
      <c r="C59" s="32" t="s">
        <v>22</v>
      </c>
      <c r="D59" s="13"/>
      <c r="E59" s="13">
        <v>4</v>
      </c>
      <c r="F59" s="14" t="s">
        <v>98</v>
      </c>
      <c r="G59" s="14"/>
      <c r="H59" s="18" t="s">
        <v>242</v>
      </c>
      <c r="I59" s="18" t="s">
        <v>99</v>
      </c>
      <c r="J59" s="45" t="s">
        <v>130</v>
      </c>
      <c r="K59" s="45" t="s">
        <v>130</v>
      </c>
      <c r="L59" s="45" t="s">
        <v>130</v>
      </c>
      <c r="M59" s="45"/>
      <c r="N59" s="45"/>
      <c r="O59" s="45"/>
      <c r="P59" s="45"/>
      <c r="Q59" s="45"/>
      <c r="R59" s="45"/>
      <c r="S59" s="45"/>
      <c r="T59" s="45"/>
      <c r="U59" s="45"/>
      <c r="V59" s="47"/>
      <c r="W59" s="45" t="s">
        <v>130</v>
      </c>
      <c r="X59" s="47"/>
      <c r="Y59" s="45" t="s">
        <v>130</v>
      </c>
      <c r="Z59" s="51" t="s">
        <v>266</v>
      </c>
      <c r="AA59" s="15" t="s">
        <v>147</v>
      </c>
      <c r="AB59" s="16" t="s">
        <v>135</v>
      </c>
      <c r="AC59" s="16" t="s">
        <v>136</v>
      </c>
      <c r="AD59" s="16" t="s">
        <v>135</v>
      </c>
      <c r="AE59" s="22"/>
      <c r="AF59" s="30"/>
      <c r="AG59" s="17" t="s">
        <v>180</v>
      </c>
      <c r="AI59" s="19"/>
    </row>
    <row r="60" spans="2:35 16384:16384" ht="36" customHeight="1" x14ac:dyDescent="0.2">
      <c r="B60" s="34">
        <v>57</v>
      </c>
      <c r="C60" s="32" t="s">
        <v>22</v>
      </c>
      <c r="D60" s="13"/>
      <c r="E60" s="13">
        <v>4</v>
      </c>
      <c r="F60" s="14" t="s">
        <v>98</v>
      </c>
      <c r="G60" s="14"/>
      <c r="H60" s="18" t="s">
        <v>244</v>
      </c>
      <c r="I60" s="18" t="s">
        <v>100</v>
      </c>
      <c r="J60" s="45"/>
      <c r="K60" s="45" t="s">
        <v>130</v>
      </c>
      <c r="L60" s="45" t="s">
        <v>130</v>
      </c>
      <c r="M60" s="45" t="s">
        <v>130</v>
      </c>
      <c r="N60" s="45"/>
      <c r="O60" s="45"/>
      <c r="P60" s="45"/>
      <c r="Q60" s="45"/>
      <c r="R60" s="45"/>
      <c r="S60" s="45"/>
      <c r="T60" s="45"/>
      <c r="U60" s="45"/>
      <c r="V60" s="47"/>
      <c r="W60" s="47"/>
      <c r="X60" s="47"/>
      <c r="Y60" s="45" t="s">
        <v>130</v>
      </c>
      <c r="Z60" s="47"/>
      <c r="AA60" s="15" t="s">
        <v>147</v>
      </c>
      <c r="AB60" s="16" t="s">
        <v>133</v>
      </c>
      <c r="AC60" s="16" t="s">
        <v>129</v>
      </c>
      <c r="AD60" s="16" t="s">
        <v>135</v>
      </c>
      <c r="AE60" s="22"/>
      <c r="AF60" s="30" t="s">
        <v>184</v>
      </c>
      <c r="AG60" s="17" t="s">
        <v>185</v>
      </c>
      <c r="AI60" s="19"/>
    </row>
    <row r="61" spans="2:35 16384:16384" ht="36" customHeight="1" x14ac:dyDescent="0.2">
      <c r="B61" s="34">
        <v>58</v>
      </c>
      <c r="C61" s="32" t="s">
        <v>22</v>
      </c>
      <c r="D61" s="13"/>
      <c r="E61" s="13">
        <v>4</v>
      </c>
      <c r="F61" s="14" t="s">
        <v>98</v>
      </c>
      <c r="G61" s="14"/>
      <c r="H61" s="12" t="s">
        <v>270</v>
      </c>
      <c r="I61" s="12" t="s">
        <v>101</v>
      </c>
      <c r="J61" s="45"/>
      <c r="K61" s="45" t="s">
        <v>130</v>
      </c>
      <c r="L61" s="45" t="s">
        <v>130</v>
      </c>
      <c r="M61" s="45"/>
      <c r="N61" s="45"/>
      <c r="O61" s="45"/>
      <c r="P61" s="45"/>
      <c r="Q61" s="45"/>
      <c r="R61" s="45"/>
      <c r="S61" s="45"/>
      <c r="T61" s="45"/>
      <c r="U61" s="45"/>
      <c r="V61" s="46"/>
      <c r="W61" s="47"/>
      <c r="X61" s="47"/>
      <c r="Y61" s="45" t="s">
        <v>130</v>
      </c>
      <c r="Z61" s="47"/>
      <c r="AA61" s="15" t="s">
        <v>146</v>
      </c>
      <c r="AB61" s="16" t="s">
        <v>131</v>
      </c>
      <c r="AC61" s="16" t="s">
        <v>135</v>
      </c>
      <c r="AD61" s="16" t="s">
        <v>136</v>
      </c>
      <c r="AE61" s="22"/>
      <c r="AF61" s="30"/>
      <c r="AG61" s="17">
        <v>12.15</v>
      </c>
    </row>
    <row r="62" spans="2:35 16384:16384" ht="36" customHeight="1" x14ac:dyDescent="0.2">
      <c r="B62" s="34">
        <v>59</v>
      </c>
      <c r="C62" s="32" t="s">
        <v>22</v>
      </c>
      <c r="D62" s="13"/>
      <c r="E62" s="13">
        <v>4</v>
      </c>
      <c r="F62" s="14" t="s">
        <v>98</v>
      </c>
      <c r="G62" s="14"/>
      <c r="H62" s="12" t="s">
        <v>243</v>
      </c>
      <c r="I62" s="12" t="s">
        <v>102</v>
      </c>
      <c r="J62" s="45" t="s">
        <v>130</v>
      </c>
      <c r="K62" s="45" t="s">
        <v>130</v>
      </c>
      <c r="L62" s="45" t="s">
        <v>130</v>
      </c>
      <c r="M62" s="45"/>
      <c r="N62" s="45"/>
      <c r="O62" s="45" t="s">
        <v>130</v>
      </c>
      <c r="P62" s="45" t="s">
        <v>130</v>
      </c>
      <c r="Q62" s="45"/>
      <c r="R62" s="45" t="s">
        <v>130</v>
      </c>
      <c r="S62" s="45" t="s">
        <v>130</v>
      </c>
      <c r="T62" s="45"/>
      <c r="U62" s="45"/>
      <c r="V62" s="45" t="s">
        <v>130</v>
      </c>
      <c r="W62" s="47"/>
      <c r="X62" s="47"/>
      <c r="Y62" s="47"/>
      <c r="Z62" s="47"/>
      <c r="AA62" s="15" t="s">
        <v>147</v>
      </c>
      <c r="AB62" s="16" t="s">
        <v>131</v>
      </c>
      <c r="AC62" s="16" t="s">
        <v>135</v>
      </c>
      <c r="AD62" s="16" t="s">
        <v>135</v>
      </c>
      <c r="AE62" s="22" t="s">
        <v>181</v>
      </c>
      <c r="AF62" s="30" t="s">
        <v>182</v>
      </c>
      <c r="AG62" s="17" t="s">
        <v>183</v>
      </c>
    </row>
    <row r="63" spans="2:35 16384:16384" ht="36" customHeight="1" x14ac:dyDescent="0.2">
      <c r="B63" s="34">
        <v>60</v>
      </c>
      <c r="C63" s="32" t="s">
        <v>22</v>
      </c>
      <c r="D63" s="13"/>
      <c r="E63" s="13">
        <v>4</v>
      </c>
      <c r="F63" s="14" t="s">
        <v>98</v>
      </c>
      <c r="G63" s="14"/>
      <c r="H63" s="12" t="s">
        <v>245</v>
      </c>
      <c r="I63" s="12" t="s">
        <v>103</v>
      </c>
      <c r="J63" s="45"/>
      <c r="K63" s="45"/>
      <c r="L63" s="45" t="s">
        <v>130</v>
      </c>
      <c r="M63" s="45"/>
      <c r="N63" s="45"/>
      <c r="O63" s="45"/>
      <c r="P63" s="45"/>
      <c r="Q63" s="45"/>
      <c r="R63" s="45"/>
      <c r="S63" s="45"/>
      <c r="T63" s="45"/>
      <c r="U63" s="45"/>
      <c r="V63" s="45" t="s">
        <v>130</v>
      </c>
      <c r="W63" s="47"/>
      <c r="X63" s="47"/>
      <c r="Y63" s="45" t="s">
        <v>130</v>
      </c>
      <c r="Z63" s="47"/>
      <c r="AA63" s="15" t="s">
        <v>146</v>
      </c>
      <c r="AB63" s="16" t="s">
        <v>131</v>
      </c>
      <c r="AC63" s="16" t="s">
        <v>129</v>
      </c>
      <c r="AD63" s="16" t="s">
        <v>129</v>
      </c>
      <c r="AE63" s="22"/>
      <c r="AF63" s="30" t="s">
        <v>179</v>
      </c>
      <c r="AG63" s="17" t="s">
        <v>180</v>
      </c>
      <c r="AI63" s="19"/>
    </row>
    <row r="64" spans="2:35 16384:16384" ht="36" customHeight="1" x14ac:dyDescent="0.2">
      <c r="B64" s="34">
        <v>61</v>
      </c>
      <c r="C64" s="33" t="s">
        <v>26</v>
      </c>
      <c r="D64" s="13"/>
      <c r="E64" s="13">
        <v>4</v>
      </c>
      <c r="F64" s="14" t="s">
        <v>98</v>
      </c>
      <c r="G64" s="14"/>
      <c r="H64" s="12" t="s">
        <v>85</v>
      </c>
      <c r="I64" s="12" t="s">
        <v>104</v>
      </c>
      <c r="J64" s="45" t="s">
        <v>130</v>
      </c>
      <c r="K64" s="45" t="s">
        <v>130</v>
      </c>
      <c r="L64" s="45" t="s">
        <v>130</v>
      </c>
      <c r="M64" s="45" t="s">
        <v>130</v>
      </c>
      <c r="N64" s="45"/>
      <c r="O64" s="45" t="s">
        <v>130</v>
      </c>
      <c r="P64" s="45"/>
      <c r="Q64" s="45"/>
      <c r="R64" s="45" t="s">
        <v>130</v>
      </c>
      <c r="S64" s="45" t="s">
        <v>130</v>
      </c>
      <c r="T64" s="45" t="s">
        <v>130</v>
      </c>
      <c r="U64" s="45" t="s">
        <v>130</v>
      </c>
      <c r="V64" s="45" t="s">
        <v>130</v>
      </c>
      <c r="W64" s="47"/>
      <c r="X64" s="47"/>
      <c r="Y64" s="45" t="s">
        <v>130</v>
      </c>
      <c r="Z64" s="47"/>
      <c r="AA64" s="15" t="s">
        <v>146</v>
      </c>
      <c r="AB64" s="16" t="s">
        <v>131</v>
      </c>
      <c r="AC64" s="16" t="s">
        <v>129</v>
      </c>
      <c r="AD64" s="16" t="s">
        <v>129</v>
      </c>
      <c r="AE64" s="22"/>
      <c r="AF64" s="30" t="s">
        <v>178</v>
      </c>
      <c r="AG64" s="17">
        <v>15</v>
      </c>
    </row>
    <row r="65" spans="2:38" ht="36" customHeight="1" x14ac:dyDescent="0.2">
      <c r="B65" s="34">
        <v>62</v>
      </c>
      <c r="C65" s="33" t="s">
        <v>26</v>
      </c>
      <c r="D65" s="13"/>
      <c r="E65" s="13">
        <v>4</v>
      </c>
      <c r="F65" s="14" t="s">
        <v>98</v>
      </c>
      <c r="G65" s="14"/>
      <c r="H65" s="18" t="s">
        <v>27</v>
      </c>
      <c r="I65" s="18" t="s">
        <v>105</v>
      </c>
      <c r="J65" s="45" t="s">
        <v>130</v>
      </c>
      <c r="K65" s="45" t="s">
        <v>130</v>
      </c>
      <c r="L65" s="45" t="s">
        <v>130</v>
      </c>
      <c r="M65" s="45"/>
      <c r="N65" s="45"/>
      <c r="O65" s="45" t="s">
        <v>130</v>
      </c>
      <c r="P65" s="45"/>
      <c r="Q65" s="45"/>
      <c r="R65" s="45" t="s">
        <v>130</v>
      </c>
      <c r="S65" s="45" t="s">
        <v>130</v>
      </c>
      <c r="T65" s="45" t="s">
        <v>130</v>
      </c>
      <c r="U65" s="45" t="s">
        <v>130</v>
      </c>
      <c r="V65" s="45" t="s">
        <v>130</v>
      </c>
      <c r="W65" s="47"/>
      <c r="X65" s="47"/>
      <c r="Y65" s="45" t="s">
        <v>130</v>
      </c>
      <c r="Z65" s="47"/>
      <c r="AA65" s="15" t="s">
        <v>147</v>
      </c>
      <c r="AB65" s="16" t="s">
        <v>135</v>
      </c>
      <c r="AC65" s="16" t="s">
        <v>136</v>
      </c>
      <c r="AD65" s="16" t="s">
        <v>136</v>
      </c>
      <c r="AE65" s="22" t="s">
        <v>176</v>
      </c>
      <c r="AF65" s="30"/>
      <c r="AG65" s="17" t="s">
        <v>177</v>
      </c>
    </row>
    <row r="66" spans="2:38" ht="36" customHeight="1" x14ac:dyDescent="0.2">
      <c r="B66" s="34">
        <v>63</v>
      </c>
      <c r="C66" s="33" t="s">
        <v>26</v>
      </c>
      <c r="D66" s="13"/>
      <c r="E66" s="13">
        <v>4</v>
      </c>
      <c r="F66" s="14" t="s">
        <v>98</v>
      </c>
      <c r="G66" s="14"/>
      <c r="H66" s="18" t="s">
        <v>29</v>
      </c>
      <c r="I66" s="18" t="s">
        <v>106</v>
      </c>
      <c r="J66" s="45" t="s">
        <v>130</v>
      </c>
      <c r="K66" s="45" t="s">
        <v>130</v>
      </c>
      <c r="L66" s="45" t="s">
        <v>130</v>
      </c>
      <c r="M66" s="45" t="s">
        <v>130</v>
      </c>
      <c r="N66" s="45" t="s">
        <v>130</v>
      </c>
      <c r="O66" s="45" t="s">
        <v>130</v>
      </c>
      <c r="P66" s="45"/>
      <c r="Q66" s="45" t="s">
        <v>130</v>
      </c>
      <c r="R66" s="45" t="s">
        <v>130</v>
      </c>
      <c r="S66" s="45" t="s">
        <v>130</v>
      </c>
      <c r="T66" s="45" t="s">
        <v>130</v>
      </c>
      <c r="U66" s="45" t="s">
        <v>130</v>
      </c>
      <c r="V66" s="45" t="s">
        <v>130</v>
      </c>
      <c r="W66" s="45" t="s">
        <v>130</v>
      </c>
      <c r="X66" s="47"/>
      <c r="Y66" s="45" t="s">
        <v>130</v>
      </c>
      <c r="Z66" s="47"/>
      <c r="AA66" s="15" t="s">
        <v>148</v>
      </c>
      <c r="AB66" s="16" t="s">
        <v>133</v>
      </c>
      <c r="AC66" s="16" t="s">
        <v>136</v>
      </c>
      <c r="AD66" s="16" t="s">
        <v>135</v>
      </c>
      <c r="AE66" s="22" t="s">
        <v>174</v>
      </c>
      <c r="AF66" s="30" t="s">
        <v>175</v>
      </c>
      <c r="AG66" s="17">
        <v>15</v>
      </c>
    </row>
    <row r="67" spans="2:38" ht="36" customHeight="1" x14ac:dyDescent="0.2">
      <c r="B67" s="34">
        <v>64</v>
      </c>
      <c r="C67" s="33" t="s">
        <v>26</v>
      </c>
      <c r="D67" s="13"/>
      <c r="E67" s="13">
        <v>4</v>
      </c>
      <c r="F67" s="14" t="s">
        <v>98</v>
      </c>
      <c r="G67" s="14"/>
      <c r="H67" s="18" t="s">
        <v>29</v>
      </c>
      <c r="I67" s="18" t="s">
        <v>271</v>
      </c>
      <c r="J67" s="45" t="s">
        <v>130</v>
      </c>
      <c r="K67" s="45" t="s">
        <v>130</v>
      </c>
      <c r="L67" s="45" t="s">
        <v>130</v>
      </c>
      <c r="M67" s="45" t="s">
        <v>130</v>
      </c>
      <c r="N67" s="45" t="s">
        <v>130</v>
      </c>
      <c r="O67" s="45" t="s">
        <v>130</v>
      </c>
      <c r="P67" s="45"/>
      <c r="Q67" s="45" t="s">
        <v>130</v>
      </c>
      <c r="R67" s="45" t="s">
        <v>130</v>
      </c>
      <c r="S67" s="45" t="s">
        <v>130</v>
      </c>
      <c r="T67" s="45" t="s">
        <v>130</v>
      </c>
      <c r="U67" s="45" t="s">
        <v>130</v>
      </c>
      <c r="V67" s="45" t="s">
        <v>130</v>
      </c>
      <c r="W67" s="45" t="s">
        <v>130</v>
      </c>
      <c r="X67" s="47"/>
      <c r="Y67" s="45" t="s">
        <v>130</v>
      </c>
      <c r="Z67" s="47"/>
      <c r="AA67" s="15" t="s">
        <v>148</v>
      </c>
      <c r="AB67" s="16" t="s">
        <v>133</v>
      </c>
      <c r="AC67" s="16" t="s">
        <v>136</v>
      </c>
      <c r="AD67" s="16" t="s">
        <v>135</v>
      </c>
      <c r="AE67" s="22" t="s">
        <v>174</v>
      </c>
      <c r="AF67" s="30" t="s">
        <v>175</v>
      </c>
      <c r="AG67" s="17">
        <v>15</v>
      </c>
    </row>
    <row r="68" spans="2:38" ht="36" customHeight="1" x14ac:dyDescent="0.2">
      <c r="B68" s="34">
        <v>65</v>
      </c>
      <c r="C68" s="33" t="s">
        <v>26</v>
      </c>
      <c r="D68" s="13"/>
      <c r="E68" s="13">
        <v>4</v>
      </c>
      <c r="F68" s="14" t="s">
        <v>98</v>
      </c>
      <c r="G68" s="14"/>
      <c r="H68" s="12" t="s">
        <v>93</v>
      </c>
      <c r="I68" s="12" t="s">
        <v>107</v>
      </c>
      <c r="J68" s="45"/>
      <c r="K68" s="45"/>
      <c r="L68" s="45" t="s">
        <v>130</v>
      </c>
      <c r="M68" s="45" t="s">
        <v>130</v>
      </c>
      <c r="N68" s="45" t="s">
        <v>130</v>
      </c>
      <c r="O68" s="45" t="s">
        <v>130</v>
      </c>
      <c r="P68" s="45"/>
      <c r="Q68" s="45" t="s">
        <v>130</v>
      </c>
      <c r="R68" s="45" t="s">
        <v>130</v>
      </c>
      <c r="S68" s="45" t="s">
        <v>130</v>
      </c>
      <c r="T68" s="45"/>
      <c r="U68" s="45"/>
      <c r="V68" s="45" t="s">
        <v>130</v>
      </c>
      <c r="W68" s="45" t="s">
        <v>130</v>
      </c>
      <c r="X68" s="45" t="s">
        <v>130</v>
      </c>
      <c r="Y68" s="45" t="s">
        <v>130</v>
      </c>
      <c r="Z68" s="47" t="s">
        <v>140</v>
      </c>
      <c r="AA68" s="15" t="s">
        <v>147</v>
      </c>
      <c r="AB68" s="16" t="s">
        <v>133</v>
      </c>
      <c r="AC68" s="16" t="s">
        <v>129</v>
      </c>
      <c r="AD68" s="16" t="s">
        <v>129</v>
      </c>
      <c r="AE68" s="22"/>
      <c r="AF68" s="37"/>
      <c r="AG68" s="17" t="s">
        <v>173</v>
      </c>
      <c r="AH68" s="23"/>
      <c r="AI68" s="23"/>
      <c r="AJ68" s="23"/>
      <c r="AK68" s="23"/>
      <c r="AL68" s="23"/>
    </row>
    <row r="69" spans="2:38" ht="36" customHeight="1" x14ac:dyDescent="0.2">
      <c r="B69" s="34">
        <v>66</v>
      </c>
      <c r="C69" s="33" t="s">
        <v>26</v>
      </c>
      <c r="D69" s="13"/>
      <c r="E69" s="13">
        <v>4</v>
      </c>
      <c r="F69" s="14" t="s">
        <v>98</v>
      </c>
      <c r="G69" s="14"/>
      <c r="H69" s="12" t="s">
        <v>93</v>
      </c>
      <c r="I69" s="12" t="s">
        <v>108</v>
      </c>
      <c r="J69" s="45"/>
      <c r="K69" s="45"/>
      <c r="L69" s="45"/>
      <c r="M69" s="45" t="s">
        <v>130</v>
      </c>
      <c r="N69" s="45" t="s">
        <v>130</v>
      </c>
      <c r="O69" s="45"/>
      <c r="P69" s="45"/>
      <c r="Q69" s="45" t="s">
        <v>130</v>
      </c>
      <c r="R69" s="45" t="s">
        <v>130</v>
      </c>
      <c r="S69" s="45" t="s">
        <v>130</v>
      </c>
      <c r="T69" s="45"/>
      <c r="U69" s="45"/>
      <c r="V69" s="45" t="s">
        <v>130</v>
      </c>
      <c r="W69" s="45" t="s">
        <v>130</v>
      </c>
      <c r="X69" s="47"/>
      <c r="Y69" s="47"/>
      <c r="Z69" s="47"/>
      <c r="AA69" s="15" t="s">
        <v>147</v>
      </c>
      <c r="AB69" s="16" t="s">
        <v>135</v>
      </c>
      <c r="AC69" s="16" t="s">
        <v>129</v>
      </c>
      <c r="AD69" s="16" t="s">
        <v>135</v>
      </c>
      <c r="AE69" s="22"/>
      <c r="AF69" s="30" t="s">
        <v>171</v>
      </c>
      <c r="AG69" s="17" t="s">
        <v>172</v>
      </c>
    </row>
    <row r="70" spans="2:38" ht="36" customHeight="1" x14ac:dyDescent="0.2">
      <c r="B70" s="34">
        <v>67</v>
      </c>
      <c r="C70" s="33" t="s">
        <v>26</v>
      </c>
      <c r="D70" s="13"/>
      <c r="E70" s="13">
        <v>4</v>
      </c>
      <c r="F70" s="14" t="s">
        <v>98</v>
      </c>
      <c r="G70" s="14"/>
      <c r="H70" s="12" t="s">
        <v>109</v>
      </c>
      <c r="I70" s="12" t="s">
        <v>110</v>
      </c>
      <c r="J70" s="45"/>
      <c r="K70" s="45" t="s">
        <v>130</v>
      </c>
      <c r="L70" s="45" t="s">
        <v>130</v>
      </c>
      <c r="M70" s="45" t="s">
        <v>130</v>
      </c>
      <c r="N70" s="45" t="s">
        <v>130</v>
      </c>
      <c r="O70" s="45"/>
      <c r="P70" s="45"/>
      <c r="Q70" s="45"/>
      <c r="R70" s="45"/>
      <c r="S70" s="45"/>
      <c r="T70" s="45"/>
      <c r="U70" s="45"/>
      <c r="V70" s="45" t="s">
        <v>130</v>
      </c>
      <c r="W70" s="45" t="s">
        <v>130</v>
      </c>
      <c r="X70" s="47"/>
      <c r="Y70" s="45" t="s">
        <v>130</v>
      </c>
      <c r="Z70" s="47" t="s">
        <v>140</v>
      </c>
      <c r="AA70" s="15" t="s">
        <v>148</v>
      </c>
      <c r="AB70" s="16" t="s">
        <v>135</v>
      </c>
      <c r="AC70" s="16" t="s">
        <v>135</v>
      </c>
      <c r="AD70" s="16" t="s">
        <v>135</v>
      </c>
      <c r="AE70" s="22"/>
      <c r="AF70" s="30"/>
      <c r="AG70" s="17">
        <v>14.15</v>
      </c>
      <c r="AI70" s="19"/>
    </row>
    <row r="71" spans="2:38" ht="36" customHeight="1" x14ac:dyDescent="0.2">
      <c r="B71" s="34">
        <v>68</v>
      </c>
      <c r="C71" s="33" t="s">
        <v>26</v>
      </c>
      <c r="D71" s="13"/>
      <c r="E71" s="13">
        <v>4</v>
      </c>
      <c r="F71" s="14" t="s">
        <v>98</v>
      </c>
      <c r="G71" s="14"/>
      <c r="H71" s="18" t="s">
        <v>31</v>
      </c>
      <c r="I71" s="18" t="s">
        <v>111</v>
      </c>
      <c r="J71" s="45" t="s">
        <v>130</v>
      </c>
      <c r="K71" s="45" t="s">
        <v>130</v>
      </c>
      <c r="L71" s="45" t="s">
        <v>130</v>
      </c>
      <c r="M71" s="45"/>
      <c r="N71" s="45"/>
      <c r="O71" s="45"/>
      <c r="P71" s="45"/>
      <c r="Q71" s="45"/>
      <c r="R71" s="45"/>
      <c r="S71" s="45"/>
      <c r="T71" s="45"/>
      <c r="U71" s="45"/>
      <c r="V71" s="45" t="s">
        <v>130</v>
      </c>
      <c r="W71" s="47"/>
      <c r="X71" s="47"/>
      <c r="Y71" s="45" t="s">
        <v>130</v>
      </c>
      <c r="Z71" s="47"/>
      <c r="AA71" s="15" t="s">
        <v>147</v>
      </c>
      <c r="AB71" s="16" t="s">
        <v>133</v>
      </c>
      <c r="AC71" s="16" t="s">
        <v>135</v>
      </c>
      <c r="AD71" s="16" t="s">
        <v>135</v>
      </c>
      <c r="AE71" s="22"/>
      <c r="AF71" s="30"/>
      <c r="AG71" s="17" t="s">
        <v>170</v>
      </c>
      <c r="AI71" s="19"/>
    </row>
    <row r="72" spans="2:38" ht="36" customHeight="1" x14ac:dyDescent="0.2">
      <c r="B72" s="34">
        <v>69</v>
      </c>
      <c r="C72" s="33" t="s">
        <v>26</v>
      </c>
      <c r="D72" s="13"/>
      <c r="E72" s="13">
        <v>4</v>
      </c>
      <c r="F72" s="14" t="s">
        <v>98</v>
      </c>
      <c r="G72" s="14"/>
      <c r="H72" s="12" t="s">
        <v>272</v>
      </c>
      <c r="I72" s="12" t="s">
        <v>112</v>
      </c>
      <c r="J72" s="45" t="s">
        <v>130</v>
      </c>
      <c r="K72" s="45" t="s">
        <v>130</v>
      </c>
      <c r="L72" s="45" t="s">
        <v>130</v>
      </c>
      <c r="M72" s="45" t="s">
        <v>130</v>
      </c>
      <c r="N72" s="45"/>
      <c r="O72" s="45" t="s">
        <v>130</v>
      </c>
      <c r="P72" s="45" t="s">
        <v>130</v>
      </c>
      <c r="Q72" s="45"/>
      <c r="R72" s="45"/>
      <c r="S72" s="45" t="s">
        <v>130</v>
      </c>
      <c r="T72" s="45" t="s">
        <v>130</v>
      </c>
      <c r="U72" s="45" t="s">
        <v>130</v>
      </c>
      <c r="V72" s="45" t="s">
        <v>130</v>
      </c>
      <c r="W72" s="45" t="s">
        <v>130</v>
      </c>
      <c r="X72" s="47"/>
      <c r="Y72" s="45" t="s">
        <v>130</v>
      </c>
      <c r="Z72" s="47"/>
      <c r="AA72" s="15" t="s">
        <v>148</v>
      </c>
      <c r="AB72" s="16" t="s">
        <v>135</v>
      </c>
      <c r="AC72" s="16" t="s">
        <v>135</v>
      </c>
      <c r="AD72" s="16" t="s">
        <v>135</v>
      </c>
      <c r="AE72" s="22"/>
      <c r="AF72" s="30"/>
      <c r="AG72" s="17">
        <v>15</v>
      </c>
    </row>
    <row r="73" spans="2:38" ht="36" customHeight="1" x14ac:dyDescent="0.2">
      <c r="B73" s="34">
        <v>70</v>
      </c>
      <c r="C73" s="33" t="s">
        <v>26</v>
      </c>
      <c r="D73" s="13"/>
      <c r="E73" s="13">
        <v>4</v>
      </c>
      <c r="F73" s="14" t="s">
        <v>98</v>
      </c>
      <c r="G73" s="14"/>
      <c r="H73" s="12" t="s">
        <v>113</v>
      </c>
      <c r="I73" s="12" t="s">
        <v>114</v>
      </c>
      <c r="J73" s="45"/>
      <c r="K73" s="45" t="s">
        <v>130</v>
      </c>
      <c r="L73" s="45" t="s">
        <v>130</v>
      </c>
      <c r="M73" s="45" t="s">
        <v>130</v>
      </c>
      <c r="N73" s="45" t="s">
        <v>130</v>
      </c>
      <c r="O73" s="45"/>
      <c r="P73" s="45"/>
      <c r="Q73" s="45"/>
      <c r="R73" s="45"/>
      <c r="S73" s="45"/>
      <c r="T73" s="45"/>
      <c r="U73" s="45"/>
      <c r="V73" s="45" t="s">
        <v>130</v>
      </c>
      <c r="W73" s="47"/>
      <c r="X73" s="47"/>
      <c r="Y73" s="45" t="s">
        <v>130</v>
      </c>
      <c r="Z73" s="47"/>
      <c r="AA73" s="15" t="s">
        <v>150</v>
      </c>
      <c r="AB73" s="16" t="s">
        <v>133</v>
      </c>
      <c r="AC73" s="16" t="s">
        <v>129</v>
      </c>
      <c r="AD73" s="16" t="s">
        <v>129</v>
      </c>
      <c r="AE73" s="22"/>
      <c r="AF73" s="38" t="s">
        <v>168</v>
      </c>
      <c r="AG73" s="17" t="s">
        <v>169</v>
      </c>
    </row>
    <row r="74" spans="2:38" ht="36" customHeight="1" x14ac:dyDescent="0.2">
      <c r="B74" s="34">
        <v>71</v>
      </c>
      <c r="C74" s="33" t="s">
        <v>26</v>
      </c>
      <c r="D74" s="13"/>
      <c r="E74" s="13">
        <v>4</v>
      </c>
      <c r="F74" s="14" t="s">
        <v>98</v>
      </c>
      <c r="G74" s="14"/>
      <c r="H74" s="12" t="s">
        <v>115</v>
      </c>
      <c r="I74" s="12" t="s">
        <v>116</v>
      </c>
      <c r="J74" s="45" t="s">
        <v>130</v>
      </c>
      <c r="K74" s="45" t="s">
        <v>130</v>
      </c>
      <c r="L74" s="45" t="s">
        <v>130</v>
      </c>
      <c r="M74" s="45" t="s">
        <v>130</v>
      </c>
      <c r="N74" s="45" t="s">
        <v>130</v>
      </c>
      <c r="O74" s="45" t="s">
        <v>130</v>
      </c>
      <c r="P74" s="45"/>
      <c r="Q74" s="45"/>
      <c r="R74" s="45"/>
      <c r="S74" s="45"/>
      <c r="T74" s="45"/>
      <c r="U74" s="45" t="s">
        <v>130</v>
      </c>
      <c r="V74" s="45" t="s">
        <v>130</v>
      </c>
      <c r="W74" s="45" t="s">
        <v>130</v>
      </c>
      <c r="X74" s="47"/>
      <c r="Y74" s="45" t="s">
        <v>130</v>
      </c>
      <c r="Z74" s="47"/>
      <c r="AA74" s="15" t="s">
        <v>151</v>
      </c>
      <c r="AB74" s="16" t="s">
        <v>131</v>
      </c>
      <c r="AC74" s="16" t="s">
        <v>136</v>
      </c>
      <c r="AD74" s="16" t="s">
        <v>136</v>
      </c>
      <c r="AE74" s="22"/>
      <c r="AF74" s="30"/>
      <c r="AG74" s="17">
        <v>12.14</v>
      </c>
    </row>
    <row r="75" spans="2:38" ht="36" customHeight="1" x14ac:dyDescent="0.2">
      <c r="B75" s="34">
        <v>72</v>
      </c>
      <c r="C75" s="33" t="s">
        <v>26</v>
      </c>
      <c r="D75" s="13"/>
      <c r="E75" s="13">
        <v>4</v>
      </c>
      <c r="F75" s="14" t="s">
        <v>98</v>
      </c>
      <c r="G75" s="14"/>
      <c r="H75" s="12" t="s">
        <v>115</v>
      </c>
      <c r="I75" s="12" t="s">
        <v>117</v>
      </c>
      <c r="J75" s="45" t="s">
        <v>130</v>
      </c>
      <c r="K75" s="45" t="s">
        <v>130</v>
      </c>
      <c r="L75" s="45" t="s">
        <v>130</v>
      </c>
      <c r="M75" s="45" t="s">
        <v>130</v>
      </c>
      <c r="N75" s="45" t="s">
        <v>130</v>
      </c>
      <c r="O75" s="45"/>
      <c r="P75" s="45"/>
      <c r="Q75" s="45"/>
      <c r="R75" s="45"/>
      <c r="S75" s="45"/>
      <c r="T75" s="45"/>
      <c r="U75" s="45"/>
      <c r="V75" s="45" t="s">
        <v>130</v>
      </c>
      <c r="W75" s="45" t="s">
        <v>130</v>
      </c>
      <c r="X75" s="47"/>
      <c r="Y75" s="45" t="s">
        <v>130</v>
      </c>
      <c r="Z75" s="47"/>
      <c r="AA75" s="15" t="s">
        <v>151</v>
      </c>
      <c r="AB75" s="16" t="s">
        <v>131</v>
      </c>
      <c r="AC75" s="16" t="s">
        <v>136</v>
      </c>
      <c r="AD75" s="16" t="s">
        <v>136</v>
      </c>
      <c r="AE75" s="22"/>
      <c r="AF75" s="30" t="s">
        <v>167</v>
      </c>
      <c r="AG75" s="17">
        <v>12.14</v>
      </c>
    </row>
    <row r="76" spans="2:38" ht="36" customHeight="1" x14ac:dyDescent="0.2">
      <c r="B76" s="34">
        <v>73</v>
      </c>
      <c r="C76" s="33" t="s">
        <v>26</v>
      </c>
      <c r="D76" s="13"/>
      <c r="E76" s="13">
        <v>4</v>
      </c>
      <c r="F76" s="14" t="s">
        <v>98</v>
      </c>
      <c r="G76" s="14"/>
      <c r="H76" s="12" t="s">
        <v>115</v>
      </c>
      <c r="I76" s="12" t="s">
        <v>118</v>
      </c>
      <c r="J76" s="45" t="s">
        <v>130</v>
      </c>
      <c r="K76" s="45" t="s">
        <v>130</v>
      </c>
      <c r="L76" s="45" t="s">
        <v>130</v>
      </c>
      <c r="M76" s="45" t="s">
        <v>130</v>
      </c>
      <c r="N76" s="45" t="s">
        <v>130</v>
      </c>
      <c r="O76" s="45"/>
      <c r="P76" s="45"/>
      <c r="Q76" s="45"/>
      <c r="R76" s="45"/>
      <c r="S76" s="45"/>
      <c r="T76" s="45"/>
      <c r="U76" s="45"/>
      <c r="V76" s="45" t="s">
        <v>130</v>
      </c>
      <c r="W76" s="45" t="s">
        <v>130</v>
      </c>
      <c r="X76" s="47"/>
      <c r="Y76" s="45" t="s">
        <v>130</v>
      </c>
      <c r="Z76" s="47"/>
      <c r="AA76" s="15" t="s">
        <v>151</v>
      </c>
      <c r="AB76" s="16" t="s">
        <v>133</v>
      </c>
      <c r="AC76" s="16" t="s">
        <v>136</v>
      </c>
      <c r="AD76" s="16" t="s">
        <v>136</v>
      </c>
      <c r="AE76" s="22"/>
      <c r="AF76" s="30"/>
      <c r="AG76" s="17">
        <v>12.14</v>
      </c>
    </row>
    <row r="77" spans="2:38" ht="36" customHeight="1" x14ac:dyDescent="0.2">
      <c r="B77" s="34">
        <v>74</v>
      </c>
      <c r="C77" s="33" t="s">
        <v>26</v>
      </c>
      <c r="D77" s="13"/>
      <c r="E77" s="13">
        <v>4</v>
      </c>
      <c r="F77" s="14" t="s">
        <v>98</v>
      </c>
      <c r="G77" s="14"/>
      <c r="H77" s="12" t="s">
        <v>115</v>
      </c>
      <c r="I77" s="12" t="s">
        <v>119</v>
      </c>
      <c r="J77" s="45" t="s">
        <v>130</v>
      </c>
      <c r="K77" s="45" t="s">
        <v>130</v>
      </c>
      <c r="L77" s="45" t="s">
        <v>130</v>
      </c>
      <c r="M77" s="45" t="s">
        <v>130</v>
      </c>
      <c r="N77" s="45" t="s">
        <v>130</v>
      </c>
      <c r="O77" s="45"/>
      <c r="P77" s="45"/>
      <c r="Q77" s="45"/>
      <c r="R77" s="45"/>
      <c r="S77" s="45"/>
      <c r="T77" s="45"/>
      <c r="U77" s="45"/>
      <c r="V77" s="45" t="s">
        <v>130</v>
      </c>
      <c r="W77" s="45" t="s">
        <v>130</v>
      </c>
      <c r="X77" s="47"/>
      <c r="Y77" s="45" t="s">
        <v>130</v>
      </c>
      <c r="Z77" s="47"/>
      <c r="AA77" s="15" t="s">
        <v>151</v>
      </c>
      <c r="AB77" s="16" t="s">
        <v>131</v>
      </c>
      <c r="AC77" s="16" t="s">
        <v>129</v>
      </c>
      <c r="AD77" s="16" t="s">
        <v>135</v>
      </c>
      <c r="AE77" s="22"/>
      <c r="AF77" s="30"/>
      <c r="AG77" s="17">
        <v>12.14</v>
      </c>
    </row>
    <row r="78" spans="2:38" ht="36" customHeight="1" x14ac:dyDescent="0.2">
      <c r="B78" s="34">
        <v>75</v>
      </c>
      <c r="C78" s="33" t="s">
        <v>26</v>
      </c>
      <c r="D78" s="13"/>
      <c r="E78" s="13">
        <v>4</v>
      </c>
      <c r="F78" s="14" t="s">
        <v>98</v>
      </c>
      <c r="G78" s="14"/>
      <c r="H78" s="12" t="s">
        <v>47</v>
      </c>
      <c r="I78" s="12" t="s">
        <v>120</v>
      </c>
      <c r="J78" s="45"/>
      <c r="K78" s="45" t="s">
        <v>130</v>
      </c>
      <c r="L78" s="45" t="s">
        <v>130</v>
      </c>
      <c r="M78" s="45" t="s">
        <v>130</v>
      </c>
      <c r="N78" s="45" t="s">
        <v>130</v>
      </c>
      <c r="O78" s="45"/>
      <c r="P78" s="45"/>
      <c r="Q78" s="45"/>
      <c r="R78" s="45"/>
      <c r="S78" s="45"/>
      <c r="T78" s="45"/>
      <c r="U78" s="45"/>
      <c r="V78" s="45" t="s">
        <v>130</v>
      </c>
      <c r="W78" s="47"/>
      <c r="X78" s="47"/>
      <c r="Y78" s="45" t="s">
        <v>130</v>
      </c>
      <c r="Z78" s="47"/>
      <c r="AA78" s="15" t="s">
        <v>147</v>
      </c>
      <c r="AB78" s="16" t="s">
        <v>131</v>
      </c>
      <c r="AC78" s="16" t="s">
        <v>136</v>
      </c>
      <c r="AD78" s="16" t="s">
        <v>135</v>
      </c>
      <c r="AE78" s="22"/>
      <c r="AF78" s="30" t="s">
        <v>165</v>
      </c>
      <c r="AG78" s="17" t="s">
        <v>273</v>
      </c>
      <c r="AI78" s="20"/>
    </row>
    <row r="79" spans="2:38" ht="36" customHeight="1" x14ac:dyDescent="0.2">
      <c r="B79" s="34">
        <v>76</v>
      </c>
      <c r="C79" s="33" t="s">
        <v>26</v>
      </c>
      <c r="D79" s="13"/>
      <c r="E79" s="13">
        <v>4</v>
      </c>
      <c r="F79" s="14" t="s">
        <v>98</v>
      </c>
      <c r="G79" s="14"/>
      <c r="H79" s="12" t="s">
        <v>50</v>
      </c>
      <c r="I79" s="12" t="s">
        <v>274</v>
      </c>
      <c r="J79" s="45"/>
      <c r="K79" s="45" t="s">
        <v>130</v>
      </c>
      <c r="L79" s="45" t="s">
        <v>130</v>
      </c>
      <c r="M79" s="45" t="s">
        <v>130</v>
      </c>
      <c r="N79" s="45"/>
      <c r="O79" s="49"/>
      <c r="P79" s="45"/>
      <c r="Q79" s="45"/>
      <c r="R79" s="45"/>
      <c r="S79" s="45"/>
      <c r="T79" s="45"/>
      <c r="U79" s="45"/>
      <c r="V79" s="47"/>
      <c r="W79" s="45" t="s">
        <v>130</v>
      </c>
      <c r="X79" s="45" t="s">
        <v>130</v>
      </c>
      <c r="Y79" s="45" t="s">
        <v>130</v>
      </c>
      <c r="Z79" s="47"/>
      <c r="AA79" s="15" t="s">
        <v>147</v>
      </c>
      <c r="AB79" s="16" t="s">
        <v>133</v>
      </c>
      <c r="AC79" s="16" t="s">
        <v>136</v>
      </c>
      <c r="AD79" s="16" t="s">
        <v>135</v>
      </c>
      <c r="AE79" s="22"/>
      <c r="AF79" s="30" t="s">
        <v>166</v>
      </c>
      <c r="AG79" s="17" t="s">
        <v>164</v>
      </c>
    </row>
    <row r="80" spans="2:38" ht="36" customHeight="1" x14ac:dyDescent="0.2">
      <c r="B80" s="34">
        <v>77</v>
      </c>
      <c r="C80" s="33" t="s">
        <v>26</v>
      </c>
      <c r="D80" s="13"/>
      <c r="E80" s="13">
        <v>4</v>
      </c>
      <c r="F80" s="14" t="s">
        <v>98</v>
      </c>
      <c r="G80" s="14"/>
      <c r="H80" s="12" t="s">
        <v>50</v>
      </c>
      <c r="I80" s="12" t="s">
        <v>275</v>
      </c>
      <c r="J80" s="45"/>
      <c r="K80" s="45"/>
      <c r="L80" s="45"/>
      <c r="M80" s="45" t="s">
        <v>130</v>
      </c>
      <c r="N80" s="45" t="s">
        <v>130</v>
      </c>
      <c r="O80" s="45"/>
      <c r="P80" s="45"/>
      <c r="Q80" s="45"/>
      <c r="R80" s="45"/>
      <c r="S80" s="45"/>
      <c r="T80" s="45"/>
      <c r="U80" s="45"/>
      <c r="V80" s="45" t="s">
        <v>130</v>
      </c>
      <c r="W80" s="45" t="s">
        <v>130</v>
      </c>
      <c r="X80" s="47"/>
      <c r="Y80" s="45" t="s">
        <v>130</v>
      </c>
      <c r="Z80" s="47"/>
      <c r="AA80" s="15" t="s">
        <v>146</v>
      </c>
      <c r="AB80" s="16" t="s">
        <v>133</v>
      </c>
      <c r="AC80" s="16" t="s">
        <v>136</v>
      </c>
      <c r="AD80" s="16" t="s">
        <v>129</v>
      </c>
      <c r="AE80" s="22" t="s">
        <v>160</v>
      </c>
      <c r="AF80" s="30" t="s">
        <v>161</v>
      </c>
      <c r="AG80" s="17" t="s">
        <v>162</v>
      </c>
    </row>
    <row r="81" spans="2:33" ht="36" customHeight="1" x14ac:dyDescent="0.2">
      <c r="B81" s="34">
        <v>78</v>
      </c>
      <c r="C81" s="33" t="s">
        <v>26</v>
      </c>
      <c r="D81" s="13"/>
      <c r="E81" s="13">
        <v>4</v>
      </c>
      <c r="F81" s="14" t="s">
        <v>98</v>
      </c>
      <c r="G81" s="14"/>
      <c r="H81" s="18" t="s">
        <v>121</v>
      </c>
      <c r="I81" s="18" t="s">
        <v>122</v>
      </c>
      <c r="J81" s="45" t="s">
        <v>130</v>
      </c>
      <c r="K81" s="45" t="s">
        <v>130</v>
      </c>
      <c r="L81" s="45" t="s">
        <v>130</v>
      </c>
      <c r="M81" s="45" t="s">
        <v>130</v>
      </c>
      <c r="N81" s="45" t="s">
        <v>130</v>
      </c>
      <c r="O81" s="45"/>
      <c r="P81" s="45"/>
      <c r="Q81" s="49"/>
      <c r="R81" s="45"/>
      <c r="S81" s="45"/>
      <c r="T81" s="45"/>
      <c r="U81" s="45"/>
      <c r="V81" s="45" t="s">
        <v>130</v>
      </c>
      <c r="W81" s="45" t="s">
        <v>130</v>
      </c>
      <c r="X81" s="47"/>
      <c r="Y81" s="45" t="s">
        <v>130</v>
      </c>
      <c r="Z81" s="47" t="s">
        <v>276</v>
      </c>
      <c r="AA81" s="15" t="s">
        <v>148</v>
      </c>
      <c r="AB81" s="16" t="s">
        <v>135</v>
      </c>
      <c r="AC81" s="16" t="s">
        <v>135</v>
      </c>
      <c r="AD81" s="16" t="s">
        <v>135</v>
      </c>
      <c r="AE81" s="22" t="s">
        <v>135</v>
      </c>
      <c r="AF81" s="30" t="s">
        <v>135</v>
      </c>
      <c r="AG81" s="17">
        <v>14.15</v>
      </c>
    </row>
    <row r="82" spans="2:33" ht="36" customHeight="1" x14ac:dyDescent="0.2">
      <c r="B82" s="34">
        <v>79</v>
      </c>
      <c r="C82" s="33" t="s">
        <v>26</v>
      </c>
      <c r="D82" s="21"/>
      <c r="E82" s="13">
        <v>4</v>
      </c>
      <c r="F82" s="27" t="s">
        <v>98</v>
      </c>
      <c r="G82" s="27"/>
      <c r="H82" s="18" t="s">
        <v>277</v>
      </c>
      <c r="I82" s="18" t="s">
        <v>123</v>
      </c>
      <c r="J82" s="45"/>
      <c r="K82" s="45" t="s">
        <v>130</v>
      </c>
      <c r="L82" s="45" t="s">
        <v>130</v>
      </c>
      <c r="M82" s="45"/>
      <c r="N82" s="45"/>
      <c r="O82" s="45"/>
      <c r="P82" s="45"/>
      <c r="Q82" s="45"/>
      <c r="R82" s="45"/>
      <c r="S82" s="45"/>
      <c r="T82" s="45"/>
      <c r="U82" s="45"/>
      <c r="V82" s="46"/>
      <c r="W82" s="46"/>
      <c r="X82" s="46"/>
      <c r="Y82" s="46"/>
      <c r="Z82" s="45" t="s">
        <v>130</v>
      </c>
      <c r="AA82" s="26" t="s">
        <v>146</v>
      </c>
      <c r="AB82" s="27" t="s">
        <v>133</v>
      </c>
      <c r="AC82" s="21" t="s">
        <v>136</v>
      </c>
      <c r="AD82" s="21" t="s">
        <v>136</v>
      </c>
      <c r="AE82" s="43"/>
      <c r="AF82" s="39" t="s">
        <v>159</v>
      </c>
      <c r="AG82" s="28" t="s">
        <v>278</v>
      </c>
    </row>
    <row r="83" spans="2:33" ht="36" customHeight="1" x14ac:dyDescent="0.2">
      <c r="B83" s="34">
        <v>80</v>
      </c>
      <c r="C83" s="33" t="s">
        <v>22</v>
      </c>
      <c r="D83" s="13"/>
      <c r="E83" s="13">
        <v>5</v>
      </c>
      <c r="F83" s="14" t="s">
        <v>124</v>
      </c>
      <c r="G83" s="14"/>
      <c r="H83" s="18" t="s">
        <v>80</v>
      </c>
      <c r="I83" s="18" t="s">
        <v>139</v>
      </c>
      <c r="J83" s="45"/>
      <c r="K83" s="45"/>
      <c r="L83" s="45" t="s">
        <v>130</v>
      </c>
      <c r="M83" s="45" t="s">
        <v>130</v>
      </c>
      <c r="N83" s="45" t="s">
        <v>130</v>
      </c>
      <c r="O83" s="45" t="s">
        <v>130</v>
      </c>
      <c r="P83" s="45"/>
      <c r="Q83" s="45"/>
      <c r="R83" s="45" t="s">
        <v>130</v>
      </c>
      <c r="S83" s="45" t="s">
        <v>130</v>
      </c>
      <c r="T83" s="45"/>
      <c r="U83" s="45"/>
      <c r="V83" s="45" t="s">
        <v>130</v>
      </c>
      <c r="W83" s="45" t="s">
        <v>130</v>
      </c>
      <c r="X83" s="45" t="s">
        <v>130</v>
      </c>
      <c r="Y83" s="45" t="s">
        <v>130</v>
      </c>
      <c r="Z83" s="45" t="s">
        <v>141</v>
      </c>
      <c r="AA83" s="15" t="s">
        <v>147</v>
      </c>
      <c r="AB83" s="14" t="s">
        <v>133</v>
      </c>
      <c r="AC83" s="16" t="s">
        <v>136</v>
      </c>
      <c r="AD83" s="16" t="s">
        <v>135</v>
      </c>
      <c r="AE83" s="43"/>
      <c r="AF83" s="30" t="s">
        <v>158</v>
      </c>
      <c r="AG83" s="17" t="s">
        <v>281</v>
      </c>
    </row>
    <row r="84" spans="2:33" ht="36" customHeight="1" x14ac:dyDescent="0.2">
      <c r="B84" s="34">
        <v>81</v>
      </c>
      <c r="C84" s="33" t="s">
        <v>22</v>
      </c>
      <c r="D84" s="13"/>
      <c r="E84" s="13">
        <v>5</v>
      </c>
      <c r="F84" s="14" t="s">
        <v>124</v>
      </c>
      <c r="G84" s="14"/>
      <c r="H84" s="18" t="s">
        <v>268</v>
      </c>
      <c r="I84" s="18" t="s">
        <v>127</v>
      </c>
      <c r="J84" s="45"/>
      <c r="K84" s="45"/>
      <c r="L84" s="45"/>
      <c r="M84" s="45" t="s">
        <v>130</v>
      </c>
      <c r="N84" s="45" t="s">
        <v>130</v>
      </c>
      <c r="O84" s="45"/>
      <c r="P84" s="45"/>
      <c r="Q84" s="45"/>
      <c r="R84" s="45"/>
      <c r="S84" s="45"/>
      <c r="T84" s="45"/>
      <c r="U84" s="45"/>
      <c r="V84" s="46"/>
      <c r="W84" s="46"/>
      <c r="X84" s="46"/>
      <c r="Y84" s="45" t="s">
        <v>130</v>
      </c>
      <c r="Z84" s="46"/>
      <c r="AA84" s="15" t="s">
        <v>147</v>
      </c>
      <c r="AB84" s="14" t="s">
        <v>135</v>
      </c>
      <c r="AC84" s="16" t="s">
        <v>129</v>
      </c>
      <c r="AD84" s="16" t="s">
        <v>135</v>
      </c>
      <c r="AE84" s="43"/>
      <c r="AF84" s="30" t="s">
        <v>156</v>
      </c>
      <c r="AG84" s="17" t="s">
        <v>157</v>
      </c>
    </row>
    <row r="85" spans="2:33" ht="36" customHeight="1" x14ac:dyDescent="0.2">
      <c r="B85" s="34">
        <v>82</v>
      </c>
      <c r="C85" s="33" t="s">
        <v>22</v>
      </c>
      <c r="D85" s="13"/>
      <c r="E85" s="13">
        <v>5</v>
      </c>
      <c r="F85" s="14" t="s">
        <v>124</v>
      </c>
      <c r="G85" s="14"/>
      <c r="H85" s="12" t="s">
        <v>246</v>
      </c>
      <c r="I85" s="18" t="s">
        <v>125</v>
      </c>
      <c r="J85" s="45"/>
      <c r="K85" s="45" t="s">
        <v>130</v>
      </c>
      <c r="L85" s="45" t="s">
        <v>130</v>
      </c>
      <c r="M85" s="45"/>
      <c r="N85" s="45"/>
      <c r="O85" s="45" t="s">
        <v>130</v>
      </c>
      <c r="P85" s="45"/>
      <c r="Q85" s="45"/>
      <c r="R85" s="45"/>
      <c r="S85" s="45"/>
      <c r="T85" s="45"/>
      <c r="U85" s="45"/>
      <c r="V85" s="45" t="s">
        <v>130</v>
      </c>
      <c r="W85" s="45" t="s">
        <v>130</v>
      </c>
      <c r="X85" s="46"/>
      <c r="Y85" s="45" t="s">
        <v>130</v>
      </c>
      <c r="Z85" s="46"/>
      <c r="AA85" s="15" t="s">
        <v>152</v>
      </c>
      <c r="AB85" s="14" t="s">
        <v>131</v>
      </c>
      <c r="AC85" s="16" t="s">
        <v>129</v>
      </c>
      <c r="AD85" s="16" t="s">
        <v>135</v>
      </c>
      <c r="AE85" s="43"/>
      <c r="AF85" s="30"/>
      <c r="AG85" s="17" t="s">
        <v>155</v>
      </c>
    </row>
    <row r="86" spans="2:33" ht="36" customHeight="1" x14ac:dyDescent="0.2">
      <c r="B86" s="34">
        <v>83</v>
      </c>
      <c r="C86" s="33" t="s">
        <v>26</v>
      </c>
      <c r="D86" s="13"/>
      <c r="E86" s="13">
        <v>5</v>
      </c>
      <c r="F86" s="14" t="s">
        <v>124</v>
      </c>
      <c r="G86" s="14"/>
      <c r="H86" s="18" t="s">
        <v>31</v>
      </c>
      <c r="I86" s="12" t="s">
        <v>126</v>
      </c>
      <c r="J86" s="45"/>
      <c r="K86" s="45"/>
      <c r="L86" s="45"/>
      <c r="M86" s="45" t="s">
        <v>130</v>
      </c>
      <c r="N86" s="45" t="s">
        <v>130</v>
      </c>
      <c r="O86" s="45"/>
      <c r="P86" s="45"/>
      <c r="Q86" s="45"/>
      <c r="R86" s="45"/>
      <c r="S86" s="45"/>
      <c r="T86" s="45"/>
      <c r="U86" s="45"/>
      <c r="V86" s="45" t="s">
        <v>130</v>
      </c>
      <c r="W86" s="46"/>
      <c r="X86" s="46"/>
      <c r="Y86" s="46"/>
      <c r="Z86" s="46"/>
      <c r="AA86" s="15" t="s">
        <v>150</v>
      </c>
      <c r="AB86" s="14" t="s">
        <v>135</v>
      </c>
      <c r="AC86" s="16" t="s">
        <v>135</v>
      </c>
      <c r="AD86" s="16" t="s">
        <v>135</v>
      </c>
      <c r="AE86" s="43"/>
      <c r="AF86" s="30" t="s">
        <v>154</v>
      </c>
      <c r="AG86" s="17">
        <v>9</v>
      </c>
    </row>
    <row r="87" spans="2:33" ht="36" customHeight="1" x14ac:dyDescent="0.2">
      <c r="B87" s="34">
        <v>84</v>
      </c>
      <c r="C87" s="33" t="s">
        <v>26</v>
      </c>
      <c r="D87" s="13"/>
      <c r="E87" s="13">
        <v>5</v>
      </c>
      <c r="F87" s="14" t="s">
        <v>124</v>
      </c>
      <c r="G87" s="14"/>
      <c r="H87" s="18" t="s">
        <v>29</v>
      </c>
      <c r="I87" s="12" t="s">
        <v>128</v>
      </c>
      <c r="J87" s="45"/>
      <c r="K87" s="45"/>
      <c r="L87" s="45"/>
      <c r="M87" s="45"/>
      <c r="N87" s="45"/>
      <c r="O87" s="45"/>
      <c r="P87" s="45" t="s">
        <v>294</v>
      </c>
      <c r="Q87" s="45"/>
      <c r="R87" s="45"/>
      <c r="S87" s="45"/>
      <c r="T87" s="45"/>
      <c r="U87" s="45"/>
      <c r="V87" s="46"/>
      <c r="W87" s="46"/>
      <c r="X87" s="46"/>
      <c r="Y87" s="46" t="s">
        <v>130</v>
      </c>
      <c r="Z87" s="46"/>
      <c r="AA87" s="15" t="s">
        <v>147</v>
      </c>
      <c r="AB87" s="14" t="s">
        <v>135</v>
      </c>
      <c r="AC87" s="16" t="s">
        <v>136</v>
      </c>
      <c r="AD87" s="16" t="s">
        <v>135</v>
      </c>
      <c r="AE87" s="43" t="s">
        <v>135</v>
      </c>
      <c r="AF87" s="40" t="s">
        <v>135</v>
      </c>
      <c r="AG87" s="17" t="s">
        <v>138</v>
      </c>
    </row>
  </sheetData>
  <autoFilter ref="B3:AG3">
    <sortState ref="B5:AG87">
      <sortCondition ref="B3"/>
    </sortState>
  </autoFilter>
  <mergeCells count="20">
    <mergeCell ref="M2:M3"/>
    <mergeCell ref="N2:N3"/>
    <mergeCell ref="AE2:AE3"/>
    <mergeCell ref="AF2:AF3"/>
    <mergeCell ref="AG2:AG3"/>
    <mergeCell ref="AA2:AA3"/>
    <mergeCell ref="AB2:AB3"/>
    <mergeCell ref="AC2:AC3"/>
    <mergeCell ref="AD2:AD3"/>
    <mergeCell ref="H2:H3"/>
    <mergeCell ref="I2:I3"/>
    <mergeCell ref="J2:J3"/>
    <mergeCell ref="K2:K3"/>
    <mergeCell ref="L2:L3"/>
    <mergeCell ref="G2:G3"/>
    <mergeCell ref="B2:B3"/>
    <mergeCell ref="C2:C3"/>
    <mergeCell ref="D2:D3"/>
    <mergeCell ref="E2:E3"/>
    <mergeCell ref="F2:F3"/>
  </mergeCells>
  <phoneticPr fontId="3"/>
  <conditionalFormatting sqref="J4:K4 J80:L80 O80:U81 N79:V79 X80:X81 J78:J79 W78:X78 O75:U78 P74:T74 X74:X77 J73 O73:U73 W73:X73 N72 Q72:R72 X72 M71:U71 W71:X71 J70 O70:U70 J69:L69 O69:P69 J68:K68 T68:U69 X69:Z69 P66:P68 X66:X67 M65:N65 N64 P64:Q65 J63:K63 M63:U63 W63:X65 Z63:Z68 M62:N62 Q62 T62:U62 W62:Z62 M61:X61 J60:J61 N60:X60 M59:V59 X59 M58:U58 J56:J57 N56:U57 W56:X58 J55:K55 O55:P55 N54:R54 T54:U55 X54 J51 J50:K50 M49:U51 W49:Z50 M47:V48 J46:J49 M46:U46 O45:U45 J44 X43:X45 M43:V44 J42:K42 W42:X42 X40 J39:J41 Z39:Z48 W39:X39 J38:K38 O38:U42 M37:U37 W37:Z38 X34 J33:J34 N32:U34 W32:X32 N31:V31 X31 J30:K32 N30:W30 J29:L29 O29:U29 W29 J27:L27 W27:X28 N24:U28 W24:X25 M23:V23 J22:J26 O22:U22 X22 T21 V21 P20:Q21 J19:K21 O19:Q19 U19:U20 N18:U18 J17:M17 O17:V17 X17 J16:L16 O16:W16 O11:U12 W11:X12 J10:K10 M10:U10 W10:Z10 J8:J9 X8:X9 M7:N7 W7:X7 N6:U6 J5:J6 M5:V5 X5 M4:X4 Z4:Z9 M15:N15 T15:X15 Z11:Z36 P7:P8 N9:U9 P15 X19:X20 Z51:Z61 X70 Z70:Z81">
    <cfRule type="containsBlanks" dxfId="0" priority="1">
      <formula>LEN(TRIM(J4))=0</formula>
    </cfRule>
  </conditionalFormatting>
  <dataValidations count="5">
    <dataValidation type="list" allowBlank="1" showInputMessage="1" showErrorMessage="1" sqref="F89 F30:F87">
      <formula1>$AI$14:$AI$19</formula1>
    </dataValidation>
    <dataValidation type="list" allowBlank="1" showInputMessage="1" showErrorMessage="1" sqref="P85:U85 J85 M85:N85 J82 M82:U82">
      <formula1>$AI$5:$AI$7</formula1>
    </dataValidation>
    <dataValidation type="list" allowBlank="1" showInputMessage="1" showErrorMessage="1" sqref="AB4:AB87">
      <formula1>$AJ$4:$AJ$7</formula1>
    </dataValidation>
    <dataValidation type="list" allowBlank="1" showInputMessage="1" showErrorMessage="1" sqref="AC4:AD87">
      <formula1>$AI$4:$AI$6</formula1>
    </dataValidation>
    <dataValidation type="list" allowBlank="1" showInputMessage="1" showErrorMessage="1" sqref="F4:F29">
      <formula1>$AK$4:$AK$9</formula1>
    </dataValidation>
  </dataValidations>
  <pageMargins left="0.59055118110236227" right="0.39370078740157483" top="0.78740157480314965" bottom="0.39370078740157483" header="0" footer="0.31496062992125984"/>
  <pageSetup paperSize="8" scale="50" fitToHeight="2" orientation="landscape" r:id="rId1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'\\kfs01\s0502\common\01_計画Ｇ\12_環境教育・環境学習\01_環境教育\01_学校派遣事業\★Ｒ６実施希望校募集\[04_授業一覧(メール添付用)0313.xlsx]Sheet1'!#REF!</xm:f>
          </x14:formula1>
          <xm:sqref>D4:D81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③授業一覧Ｒ６</vt:lpstr>
      <vt:lpstr>③授業一覧Ｒ６!Print_Area</vt:lpstr>
      <vt:lpstr>③授業一覧Ｒ６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9T11:23:36Z</cp:lastPrinted>
  <dcterms:created xsi:type="dcterms:W3CDTF">2024-03-13T06:06:42Z</dcterms:created>
  <dcterms:modified xsi:type="dcterms:W3CDTF">2024-04-19T06:31:00Z</dcterms:modified>
</cp:coreProperties>
</file>